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"/>
    </mc:Choice>
  </mc:AlternateContent>
  <xr:revisionPtr revIDLastSave="0" documentId="8_{210F92C7-041D-4D64-817F-1CAAE59ACCF3}" xr6:coauthVersionLast="45" xr6:coauthVersionMax="45" xr10:uidLastSave="{00000000-0000-0000-0000-000000000000}"/>
  <bookViews>
    <workbookView xWindow="1900" yWindow="200" windowWidth="17170" windowHeight="9950" xr2:uid="{00000000-000D-0000-FFFF-FFFF00000000}"/>
  </bookViews>
  <sheets>
    <sheet name="Sheet 1 - ผลิตภัณฑ์" sheetId="1" r:id="rId1"/>
  </sheets>
  <calcPr calcId="0"/>
</workbook>
</file>

<file path=xl/sharedStrings.xml><?xml version="1.0" encoding="utf-8"?>
<sst xmlns="http://schemas.openxmlformats.org/spreadsheetml/2006/main" count="806" uniqueCount="300">
  <si>
    <t>ผลิตภัณฑ์</t>
  </si>
  <si>
    <t>รหัสสินค้า*</t>
  </si>
  <si>
    <t>แบรนด์</t>
  </si>
  <si>
    <t>ชื่อสินค้า*</t>
  </si>
  <si>
    <t>หมวดผลิตภัณฑ์*</t>
  </si>
  <si>
    <t>หน่วยนับ</t>
  </si>
  <si>
    <t>รายละเอียดสินค้า*</t>
  </si>
  <si>
    <t>ขนาดสินค้า</t>
  </si>
  <si>
    <t>อายุของสินค้า</t>
  </si>
  <si>
    <t>ระยะเวลาการผลิต</t>
  </si>
  <si>
    <t>ระยะเวลาจัดส่ง</t>
  </si>
  <si>
    <t>ระบบขนส่งสินค้า</t>
  </si>
  <si>
    <t>ราคาส่ง (บาท)</t>
  </si>
  <si>
    <t>ราคาขาย (บาท)</t>
  </si>
  <si>
    <t>ค่าขนส่ง</t>
  </si>
  <si>
    <t>เงื่อนไขในการชำระเงิน</t>
  </si>
  <si>
    <t>แสดงสินค้าในเว็บไซต์ประชารัฐรักสามัคคี
1: แสดง</t>
  </si>
  <si>
    <t>ชื่อผู้ขาย*</t>
  </si>
  <si>
    <t>วัน</t>
  </si>
  <si>
    <t>เดือน</t>
  </si>
  <si>
    <t>ปี</t>
  </si>
  <si>
    <t>500-100</t>
  </si>
  <si>
    <t>101-300</t>
  </si>
  <si>
    <t>301-500</t>
  </si>
  <si>
    <t>เงินสด</t>
  </si>
  <si>
    <t>เครดิต</t>
  </si>
  <si>
    <t>มัดจำ</t>
  </si>
  <si>
    <t>ใบ</t>
  </si>
  <si>
    <t>ผลิตจากผ้าฝ้าย กี่กระตุก แปรรูปเป็นกระเป๋า</t>
  </si>
  <si>
    <t>กว้าง 7.5 นิ้ว X ยาว 9.25 นิ้ว</t>
  </si>
  <si>
    <t>2-3 วัน</t>
  </si>
  <si>
    <t>15 วัน</t>
  </si>
  <si>
    <t>ถุงย่ามผ้าขาวม้าขนาด 7.5x9.25 นิ้ว บ้านคึมมะอุ - นครราชสีมา</t>
  </si>
  <si>
    <t>ใช้เวลา 7-10 วัน</t>
  </si>
  <si>
    <t>ใช้เวลา 3  อาทิตย์</t>
  </si>
  <si>
    <t>ใช้เวลา 1 เดือน ครึ่ง</t>
  </si>
  <si>
    <t>-</t>
  </si>
  <si>
    <t>1</t>
  </si>
  <si>
    <t xml:space="preserve">วิสาหกิจชุมชนกลุ่มแม่บ้านเกษตรกรบ้านคืมมะอุ-สวนหม่อน </t>
  </si>
  <si>
    <t>ถุงผ้าขาวม้าเอนกประสงค์ขนาดเล็ก บ้านคืมมะอุ - นครราชสีมา</t>
  </si>
  <si>
    <t>กว้าง 8 นิ้ว X ยาว 9 นิ้ว ปากกระเป๋า 7 นิ้ว</t>
  </si>
  <si>
    <t xml:space="preserve">2-3 วัน </t>
  </si>
  <si>
    <t>THANLUX (แทนรักษ์)</t>
  </si>
  <si>
    <t>ข้าวกล้อง Nine 9 อินทรีย์ 900 กรัม - ยโสธร</t>
  </si>
  <si>
    <t>กิโลกรัม</t>
  </si>
  <si>
    <t xml:space="preserve">ผลิตจากการเฉพาะปลูกข้าวระบบอินทรีย์ 9 ชนิด
ข้าวหอมมะลิอินทรีย์ 
ข้าวกล้องหอมมะลิแดงโกเมอินทรีย์ 
ข้าวกล้องหอมนิลอินทรีย์ 
ข้าวกล้องหอมมะลิแดงสุโขทัยอินทรีย์ 
ข้าวกล้องไรซ์เบอรี่อินทรีย์ 
ข้าวกล้องเหนียวแดงอินทรีย์ 
ข้าวกล้องหอมมะลิโกเมอินทรีย์ 
ข้าวกล้องเหนียวดำอินทรีย์ 
ข้าวกล้องเหนียว กข 6 อินทรีย์ </t>
  </si>
  <si>
    <t>900 กรัม</t>
  </si>
  <si>
    <t>2 ปี</t>
  </si>
  <si>
    <t>ใช้เวลา  1-2 อาทิตย์</t>
  </si>
  <si>
    <t>ใช้เวลา  1-2  เดือน</t>
  </si>
  <si>
    <t>ภายใน 7 วัน</t>
  </si>
  <si>
    <t>รถตู้ / เคอรี่</t>
  </si>
  <si>
    <t>30 วัน</t>
  </si>
  <si>
    <t>บริษัท ไทยสมาร์ทไลฟ์ จำกัด</t>
  </si>
  <si>
    <t>ข้าวกาบาผงพร้อมชงดื่ม-รสธัญญาหาร 25 กรัม - ยโสธร</t>
  </si>
  <si>
    <t>กล่อง</t>
  </si>
  <si>
    <t>ผลิตจากธัญญาหาร
ข้าวงอกหอมมะลิอินทรีย์
ข้าวงอกหอมหอมมะลิแดงอินทรีย์
ข้าวกล้องเหนียวแดงอินทรีย์ 
ลูกเดือย
ข้าวบาร์เล่ย์
ข้าวโพด
ถั่วเหลือง
ถั่วเชียว
เม็ดบัว</t>
  </si>
  <si>
    <t>25 กรัม</t>
  </si>
  <si>
    <t>กล่องกระดาษสากาบกล้วย 12x30 ซม. สูง 4.5 ซม ดรุณี - ปัตตานี</t>
  </si>
  <si>
    <t xml:space="preserve">ผลิตจากกาบกล้วย ผึ่งแดดจนแห้ง นำไปย้อมสี ใช้น้ำยาเคลือบกาบกล้วย และ แปรรูปเป็นกล่อง </t>
  </si>
  <si>
    <t>12×30 ซม. สูง 4.5 ซม</t>
  </si>
  <si>
    <t>3 ปี</t>
  </si>
  <si>
    <t>ใช้เวลา 15 วัน</t>
  </si>
  <si>
    <t xml:space="preserve">2 -3 วัน </t>
  </si>
  <si>
    <t xml:space="preserve"> เคอรี่</t>
  </si>
  <si>
    <t>กลุ่มกัลทลี หัตถกรรมกาบกล้วย</t>
  </si>
  <si>
    <t>OCEAN FISH SNACK</t>
  </si>
  <si>
    <t>ปลาทรายทุบรสดั่งเดิม ตรามาเรียม ขนาด 39 กรัม - ปัตตานี</t>
  </si>
  <si>
    <t>กล่ิอง</t>
  </si>
  <si>
    <t>ปลาทุบปรุงรส เนื้อปลาทะเลเต็มคำแสนอร่อย
หนุบหนับทานคู่ข้าวต้ม หรือทานเป็นอาหารว่างก็โดนใจ</t>
  </si>
  <si>
    <t>โดนแสงแดด อยู่ได้ 6 เดือน</t>
  </si>
  <si>
    <t>เลี่ยงแสงแดด อยู่ได้ 1 ปี</t>
  </si>
  <si>
    <t>ใช้เวลา  1 อาทิตย์</t>
  </si>
  <si>
    <t>ใช้เวลา  2  อาทิตย์</t>
  </si>
  <si>
    <t xml:space="preserve">3-4 วัน </t>
  </si>
  <si>
    <t>40 กล่อง/ลัง 
10 ลัง ส่ง 90 บาท
5 ลัง ส่ง 100 บาท</t>
  </si>
  <si>
    <t>7 วัน</t>
  </si>
  <si>
    <t>√</t>
  </si>
  <si>
    <t>บริษัท มาเรียมโอเชี่ยน โปรดักส์ จำกัด (สำนักงานใหญ่)</t>
  </si>
  <si>
    <t>ปลาทรายทุบ-รสดั่งเดิม ตรามาเรียม ขนาด 90 กรัม กล่อง- ปัตตานี</t>
  </si>
  <si>
    <t>ถุง</t>
  </si>
  <si>
    <t>ปลาเทปุระ รสสไปซี่ พื้นบ้านมูดี ขนาด 39 กรัม - ยกเลิก</t>
  </si>
  <si>
    <t>39 กรัม</t>
  </si>
  <si>
    <t>3-4 วัน</t>
  </si>
  <si>
    <t>BAI THONG (ตราใบทอง)</t>
  </si>
  <si>
    <t>ผ้าพันคอหมักโคลนย้อมสีธรรมชาติ เมืองศรีวิชัย - บึงกาฬ</t>
  </si>
  <si>
    <t>ผืน</t>
  </si>
  <si>
    <t>ผลิตจากผ้าฝ้าย ย้อมสีธรรมชาติ</t>
  </si>
  <si>
    <t>50x200 ซม</t>
  </si>
  <si>
    <t xml:space="preserve">1-50  ผืน ส่ง 300 บาท
51-100 ผืน ส่ง 280 บาท </t>
  </si>
  <si>
    <t>ยังไม่รวมค่าจัดส่ง</t>
  </si>
  <si>
    <t>กลุ่มแปรรูปผลิตภัณฑ์ผ้าพื้นเมืองศรีวิชัย</t>
  </si>
  <si>
    <t>ตะกร้าไม้สน กว้าง 27 cm ยาว 35 cm สูง 7 cm - สระบุรี</t>
  </si>
  <si>
    <t>อัน</t>
  </si>
  <si>
    <t>ตะกร้าหูตรงทรงสี่เหลี่ยมผืนผ้า ผลิตจากไม้สน</t>
  </si>
  <si>
    <t>กว้าง 27 cm ยาว 35 cm สูง 7 cm</t>
  </si>
  <si>
    <t>15-20 วัน</t>
  </si>
  <si>
    <t>ใช้เวลา  1 เดือน</t>
  </si>
  <si>
    <t>ใช้เวลา  2 เดือน</t>
  </si>
  <si>
    <t xml:space="preserve">1-2  วัน  </t>
  </si>
  <si>
    <t>รถกระบะ</t>
  </si>
  <si>
    <t xml:space="preserve">บริษัท ประชารัฐรักสามัคคีสระบุรี (วิสาหกิจเพื่อสังคม) จำกัด </t>
  </si>
  <si>
    <t>ข้าวเสาไห้/เจีกเชย ข้าวสาร - สระบุรี</t>
  </si>
  <si>
    <t>ข้าว GI พันธุ์พื้นเมืองของจังหวัดสระบุรี มีความเหนียว นุ่ม เมื่อเย็นแล้วไม่บูดง่าย และยังคงความนุ่มเอาไว้ไม่แข็งเป็นกระด้าง มีปลูกเฉพาะจังหวัดสระบุรี ใน 7 อำเภอเท่านั้น</t>
  </si>
  <si>
    <t>1 กก.</t>
  </si>
  <si>
    <t>PLEARN (ตราเพลิน)</t>
  </si>
  <si>
    <t>กล้วยชุด SET เจริญรุ่งเรือง 150 g บ้านดอนทอง - นครปฐม</t>
  </si>
  <si>
    <t>ประกอบด้วย
กล้วยหอมอบเนย รสหวานดั้งเดิม
กล้วยหอมอบเนย รสเค็ม
กล้วยหอมอบเนย รสกล้วยหอมสุข
สไลด์กล้วยชิ้นยาว บาง กรอบ
รสหวานกำลังดีไม่เสียสุขภาพ ใช้เนยแท้
จึงทำให้หอม มัน เคี้ยวเพลินจนหยุดไม่อยู่</t>
  </si>
  <si>
    <t>1 ปี</t>
  </si>
  <si>
    <t>ใช้เวลา 15  วัน</t>
  </si>
  <si>
    <t>บริษัท วสช.กลุ่มผลไม้สดและผลผลิตแปรรูปบ้านดอนทอง จำกัด</t>
  </si>
  <si>
    <t>กล้วยกรอบ FLYING 50g บ้านดอนทอง - นครปฐม</t>
  </si>
  <si>
    <t>กล้วยหอมอบกรอบ รสกล้วยสุก
ผลิตจากกล้วยหอมสุก จึงทำให้รสชาติของกล้วยนั้น
อมเปรี้ยว อมหวาน ตามรสชาติของกล้วยหอมสุกแท้ๆ</t>
  </si>
  <si>
    <t>กว้าง9ซม. ยาว9ซม. สูง 19.5ซม. นน.50กรัม</t>
  </si>
  <si>
    <t>กล้วยหอมสุกอบกรอบ (หอมถอดรูป) ดอนทอง- นครปฐม</t>
  </si>
  <si>
    <t>กว้าง20.3ซม. ยาว20ซม. สูง 2.7ซม. นน.80กรัม</t>
  </si>
  <si>
    <t>กล้วยเพลินรสดั้งเดิม ดอนทอง- นครปฐม</t>
  </si>
  <si>
    <t>กล้วยหอมอบกรอบ รสกล้วย 5 อย่าง
ใน 1 ถุงท่านสามารถทานกล้วยได้ถึง 5 ชนิด
กล้วยหอม กล้วยไข่ กล้วยน้ำหว้า กล้วยเล็บมือนาง กล้วยหักมุก
มีเปลือกอ่อนที่มีคุณประโชยน์ มีไฟเบอร์ช่วยในการขับถ่าย</t>
  </si>
  <si>
    <t>กว้าง13ซม. ยาว6ซม. สูง 21ซม. นน.50กรัม</t>
  </si>
  <si>
    <t>Pritip (ตราไพรทิพ)</t>
  </si>
  <si>
    <t>กระเจี๊ยบอบกรอบ รสลาบ ไพรทิพ ขนาด 30 กรัม - นครปฐม</t>
  </si>
  <si>
    <t>เป็นพืชที่มีคุณสมบัติในการช่วยรักษาโรคกระเพาะอาหารและลำไส้ เพราะในฝักกระเจี๊ยบนั้นมีสารเมือกพวกเพ็กติน (Pectin) และกัม (Gum) ช่วยเคลือบแผลในกระเพาะอาหารและลำไส้ไม่ให้ลุกลาม รักษาความดันให้เป็นปกติ เป็นยาบำรุงสมอง มีสรรพคุณเป็นยาระบายและสามารถแก้โรคพยาธิตัวจี๊ดได้ด้วย แต่ต้องรับประทานติดต่อกันเป็นเวลาอย่างน้อย 15 วัน</t>
  </si>
  <si>
    <t>30 กรัม</t>
  </si>
  <si>
    <t xml:space="preserve">3-5 วัน </t>
  </si>
  <si>
    <t>ไปรษณีย์</t>
  </si>
  <si>
    <t>บริษัท ไพรทิพ แบรนด์ จำกัด</t>
  </si>
  <si>
    <t>กว้าง21ซม. ยาว29.7ซม. สูง 6ซม. นน.150กรัม</t>
  </si>
  <si>
    <t>29 กรัม</t>
  </si>
  <si>
    <t>90 กรัม</t>
  </si>
  <si>
    <t>1 - 3 ปี</t>
  </si>
  <si>
    <t>5 ปี</t>
  </si>
  <si>
    <t>ใช้เวลา  1 - 2 อาทิตย์</t>
  </si>
  <si>
    <t>Grad / เคอรี่</t>
  </si>
  <si>
    <t>ทางรถไฟ, บขส ,     บิสซิเนส ไอเดีย ปัตตานี</t>
  </si>
  <si>
    <t>เคอรี่</t>
  </si>
  <si>
    <t>ผ้า เครื่องแต่งกาย เครื่องประดับ</t>
  </si>
  <si>
    <t>สินค้าบริโภค ประเภทอาหารและเครื่องปรุง</t>
  </si>
  <si>
    <t>สินค้าอุปโภคในครัวเรือน</t>
  </si>
  <si>
    <t xml:space="preserve"> 1 - 3 ปี</t>
  </si>
  <si>
    <t>ข้าวหอมปทุม - ปทุมธานี</t>
  </si>
  <si>
    <t>ข้าวกล้องหอมปทุมธานีแท้ 100% หุงข้นหม้อ หอม นุ่ม อุดมไปด้วยคุณค่าทางโปรตีน เส้นใยอาหารและธาตุเหล็ก มีรสชาติอร่อย ทานง่าย ได้รับการคัดสรรมาอย่างดี เป็นข้าวปลอดภัย ผ่านกรรมวิธีทางธรรมชาติเท่านั้น</t>
  </si>
  <si>
    <t>ใช้เวลา  3-5 วัน / ตามฤดูกาล</t>
  </si>
  <si>
    <t xml:space="preserve">1-2 วัน </t>
  </si>
  <si>
    <t xml:space="preserve">กลุ่มผู้ผลิตข้าวหอมปทุมธานี </t>
  </si>
  <si>
    <t>Much (ตรามัช)</t>
  </si>
  <si>
    <t>ถั่วแมคคาเดเมีย เจนเทิ่ลวิน - ตาก</t>
  </si>
  <si>
    <t>แมคคาเดเมีย จากพื้นที่สูงบนยอดดอยอำเภอพบพระ ซึ่งสูงจากระบบน้ำทะเล 2,805 ฟุต คัดสรรและพัฒนาสายพันธุ์ แมคคเดเมียที่เหมาะสม ใส่ใจดูแลอย่างพิถีพถัน ปรับแต่งการปรุงดิน ควบคุมตลอดกระบวนการผลิต เพื่อให้ได้ถั่วแมคคาเดเมียที่มีรสชาติหอมหวานมัน ละมุน กรอบ ได้คุณภาพทุกเม็ด</t>
  </si>
  <si>
    <t>50 กรัม</t>
  </si>
  <si>
    <t>ใช้เวลา  2 อาทิตย์</t>
  </si>
  <si>
    <t xml:space="preserve">2 วัน </t>
  </si>
  <si>
    <t>นิ่มเอ็กเพรส</t>
  </si>
  <si>
    <t>บริษัท เจนเทิ่ลวิน จำกัด</t>
  </si>
  <si>
    <t>เครื่องดื่มน้ำนมแมคคาเดเมีย เจนเทิ่ลวิน - ตาก</t>
  </si>
  <si>
    <t>กระป๋อง</t>
  </si>
  <si>
    <t>นมแมคคาเดเมียมีรสชาติหอมหวานละมุน และอุดมด้วยคุณค่าทางโภชนาการ ไม่มีส่วนผสมของนมวัว สามารถทานได้ แม้ช่วงทานเจ เป็นนมทางเลือกสำหรับผู้แพ้นมวัว</t>
  </si>
  <si>
    <t>180 มล.</t>
  </si>
  <si>
    <t>เบร์ดเฟรนด์ - แยมมัลเบอร์รี่ เจนเทิ่ลวิน - ตาก</t>
  </si>
  <si>
    <t>กระปุก</t>
  </si>
  <si>
    <t>แยมมัลเบอร์รี่  เต็มรสชาติผลไม้จากมัลเบอร์รี่ที่อุดมด้วยวิตามิน แร่ธาตุ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350 กรัม</t>
  </si>
  <si>
    <t>6 เดือน</t>
  </si>
  <si>
    <t>จำนวน 100  กระปุก ต่อวัน</t>
  </si>
  <si>
    <t>เบร์ดเฟรนด์ - แยมผิวส้ม เจนเทิ่ลวิน - ตาก</t>
  </si>
  <si>
    <t>แยมผิวส้ม  เต็มรสชาติผลไม้จากส้มสายน้ำผึ้งที่อุดมด้วยวิตามิน และสารต้านอนุมูลอิสระ จึงนับว่าเป็นผลไม้เพื่อสุขภาพชั้นเลิศ เหมาะกับคนรักสุขภาพเป็นอย่างยิ่ง </t>
  </si>
  <si>
    <t>บ้านข่อยสูง</t>
  </si>
  <si>
    <t>งาอบเกลือ บ้านข่อยสูง - อุตรดิตถ์</t>
  </si>
  <si>
    <t xml:space="preserve">งาดำ มีประโยชน์มากมาย ช่วยชะลอวัย เสริมสร้างร่างกายแข็งแรง </t>
  </si>
  <si>
    <t>100 กรัม</t>
  </si>
  <si>
    <t xml:space="preserve"> ใช้เวลา  1 อาทิตย์</t>
  </si>
  <si>
    <t xml:space="preserve">1 อาทิตย์ </t>
  </si>
  <si>
    <t>PN ,ไปรษณีย์,NPC</t>
  </si>
  <si>
    <t>วิสาหกิจชุมชน กลุ่มเกษตรอินทรีย์บ้านข่อยสูง</t>
  </si>
  <si>
    <t>ภูแก้วสมุนไพร</t>
  </si>
  <si>
    <t>น้ำมันมะพร้าว 500 CC - ชุมพร</t>
  </si>
  <si>
    <t>ขวด</t>
  </si>
  <si>
    <t>น้ำมันมะพร้าวสกัดเย็น 100% ใช้ได้ทั้งภายนอกและภายใน</t>
  </si>
  <si>
    <t>500 กรัม</t>
  </si>
  <si>
    <t>Flash Express</t>
  </si>
  <si>
    <t>ไทยสุวรรณ</t>
  </si>
  <si>
    <t>ชาใบข้าวหอมมะลิ บ้านเหม้า - ร้อยเอ็ด</t>
  </si>
  <si>
    <t>ผลิตจากใบอ่อนต้นข้าวหอมมะลิที่ปลูกบนแปลงอิทรีย์</t>
  </si>
  <si>
    <t>น้ำหนักสุทธิ   1 กรัม * 12 ซอง</t>
  </si>
  <si>
    <t>ใช้เวลา  2-3 อาทิตย์</t>
  </si>
  <si>
    <t>วิสาหกิจชุมชนกลุ่มส่งเสริมอาชีพ บ้านเหม้า</t>
  </si>
  <si>
    <t>ผ้าพันคอผ้าขาวม้าคละสี บ้านสวนปอขนาด 40x180 ซม. - ร้อยเอ็ด</t>
  </si>
  <si>
    <t>ผลิตจากผ้าฝ้าย ลายผ้าขาวม้า</t>
  </si>
  <si>
    <t>40x180 ซม. </t>
  </si>
  <si>
    <t>ใช้เวลา 1 เดือน</t>
  </si>
  <si>
    <t xml:space="preserve">3 - 5 วัน </t>
  </si>
  <si>
    <t>รถทัวร์ ไปรษณีย์</t>
  </si>
  <si>
    <t>กลุ่มแปรรูปผ้าบ้านสวนปอ</t>
  </si>
  <si>
    <t>Kanchana (ตรากาญจนา)</t>
  </si>
  <si>
    <t>ชาหม่อนออร์แกนิค - ใบหม่อนผสมดอกคำฝอย - กาญจนบุรี</t>
  </si>
  <si>
    <t>ผลิตจากใบหม่อนออร์แกนิคพันธุ์ดีที่ผ่านการปลูกและคัดสรรอย่างใส่ใจ ปราศจากสารเคมีและสารตกค้างใดๆให้รสชาติกลมกล่อม หอมละมุน ดีต่อสุขภาพ แต่มีปริมาณสารคาเฟอีนน้อยกว่าชาทั่วไปถึง 200 เท่า ทั้งยังปราศจากสารแทนนินจึงไม่ทำให้เกิดอาการท้องผูก</t>
  </si>
  <si>
    <t>32.5 กรัม บรรจุก 25 ซอง</t>
  </si>
  <si>
    <t>สต็อกพร้อมส่ง</t>
  </si>
  <si>
    <t>ลด30% จากราคาปลีกขั้นต่ำ 60 กล่อง
ยกลังลด 35% 1ลัง มี140 กล่อง 
(ราคายังไม่รวม VAT)</t>
  </si>
  <si>
    <t>บริษัท ซี.เค.อินดัสทรี่ ( 2000 ) จำกัด</t>
  </si>
  <si>
    <t>ชาหม่อนออร์แกนิค - ใบหม่อน - กาญจนบุรี</t>
  </si>
  <si>
    <t>Bhumijai Coffee
(ตราภูมิใจ๋ คอฟฟี่)</t>
  </si>
  <si>
    <t>กาแฟ 3 in 1 มอคค่า - น่าน</t>
  </si>
  <si>
    <t>การแฟสำเร็จรูป หอม เข้ม กลมกล่อม จากความภาคภูมิใจลูกไร่กาแฟจังหวัดน่าน </t>
  </si>
  <si>
    <t>บรรจุ 13 ซอง x น้ำหนักสุทธิ 20 กรัม</t>
  </si>
  <si>
    <t>ใช้เวลา 5-7 วัน</t>
  </si>
  <si>
    <t>ห้างหุ้นส่วนจำกัด น่านดูโอคอฟฟี่</t>
  </si>
  <si>
    <t>กาแฟ ดริบ - น่าน</t>
  </si>
  <si>
    <t xml:space="preserve"> ใช้เวลา 5-7 วัน</t>
  </si>
  <si>
    <t>กาแฟ 3 in 1 เอสเพรสโซ่ - น่าน</t>
  </si>
  <si>
    <t>Pasutara พสุธารา</t>
  </si>
  <si>
    <t>LEMON INFUSED HONEY - ราชบุรี</t>
  </si>
  <si>
    <t>ผลิตจากน้ำผึ้งป่าผสมเลม่อน</t>
  </si>
  <si>
    <t>สั่งล่วงหน้า 1 อาทิตย์</t>
  </si>
  <si>
    <t>3-5 วัน</t>
  </si>
  <si>
    <t>-ไปรษณีย์  เคอรี่
-ถ้าสั่งในปริมาณเยอะ ไม่คิดค่าขนส่งจะมีรถขึ้นมาส่งให้ทุกวันพุธ</t>
  </si>
  <si>
    <t>กาทอง</t>
  </si>
  <si>
    <t>กาทองเครื่องดื่มผักเชียงดา - เชียงใหม่</t>
  </si>
  <si>
    <t>ผักเชียงดดา ผักของคนรักสุขภาพ ใช้เป็นสมุนไพรรักษาโรคเบาหวานและโรคอ้วนมานานกว่าสองพันปี ด้วยเหตุนี้เองผักเชียงดาจึงมีงานวิจัยมากมายในต่างประเทศ แม้กระทั่งญี่ปุ่นเองที่ได้นำผักเชียงดาไปจดสิทธิบัตรชาเบาหวาน</t>
  </si>
  <si>
    <t>น้ำหนัก 60 กรัม 
บรรจุ 30 ซอง</t>
  </si>
  <si>
    <t>สั่งล่วงหน้า 3 วัน</t>
  </si>
  <si>
    <t>2 -3 วัน</t>
  </si>
  <si>
    <t>วิสาหกิจชุมชนกลุ่มสันมหาพนสมุนไพรอินทรีย์</t>
  </si>
  <si>
    <t>Salalai (ตรา ศุภาลัย)</t>
  </si>
  <si>
    <t>ชีตเชคสับปะรดกล่อง บรรจุ 10 ซอง - ประจวบคีรีขันธ์</t>
  </si>
  <si>
    <t>ขนมปังชีสเชคใส้สับปะรด</t>
  </si>
  <si>
    <t>บรรจุ 10 ซอง</t>
  </si>
  <si>
    <t>สั่งล่วงหน้า 7 วัน</t>
  </si>
  <si>
    <t>3 วัน</t>
  </si>
  <si>
    <t>Flash Express ,  เคอรี่</t>
  </si>
  <si>
    <t>บจก. ประชารัฐรักสามัคคีประจวบคีรีขันธ์ (วิสาหกิจเพื่อสังคม)</t>
  </si>
  <si>
    <t>ชีตเชคสับปะรดกล่องยาว ซองละ 4 ชิ้น 2 ซอง - ประจวบคีรีขันธ์</t>
  </si>
  <si>
    <t>ซองละ 4 ชิ้น 2 ซอง</t>
  </si>
  <si>
    <t>Tup Ta</t>
  </si>
  <si>
    <t>บอลทูโทน 84 กรัม - ประจวบคีรีขันธ์</t>
  </si>
  <si>
    <t>ผลิตจากมะพร้าวอำเภอทับสะแก ที่มีคุณภาพเกรดเอ นำมาแปรรูปเป็นมะพร้าวเคลือช็อคดกแลต รสชาเขียว</t>
  </si>
  <si>
    <t>84 กรัม</t>
  </si>
  <si>
    <t>Chili Shrimp</t>
  </si>
  <si>
    <t>น้ำพริกปลากระพง สูตรเผ็ดมาก ขนาด 150 กรัม - ประจวบคีรีขันธ์</t>
  </si>
  <si>
    <t>ทุกขั้นตอนทุกกระบวนการกลุ่มพิถีพิถันใส่ใจให้ลูกค้าได้ลิ้มลอง
รสชาติอร่อย ถูกปาก ถูกใจ คุ้มค่าสุดยอดความอร่อยกว่า 23 ปี</t>
  </si>
  <si>
    <t xml:space="preserve"> 150 กรัม</t>
  </si>
  <si>
    <t>น้ำพริกกุ้งเสียบ ขนาด 150 กรัม - ประจวบคีรีขันธ์</t>
  </si>
  <si>
    <t>น้ำพริกปลาหมึก ขนาด 150 กรัม - ประจวบคีรีขันธ์</t>
  </si>
  <si>
    <t>น้ำพริกปลากุเลา ขนาด 150 กรัม - ประจวบคีรีขันธ์</t>
  </si>
  <si>
    <t>น้ำพริกปลากระพง สูตรเผ็ดน้อย ขนาด 150 กรัม - ประจวบคีรีขันธ์</t>
  </si>
  <si>
    <t>แกนสับปะรดอบแห้ง ขนาด 200 กรัม - ประจวบคีรีขันธ์</t>
  </si>
  <si>
    <t>รสชาติเปรี้ยวอบหวาน เคี้ยวเพลิน</t>
  </si>
  <si>
    <t xml:space="preserve">200 กรัม </t>
  </si>
  <si>
    <t>กระยาสารทธัญพืชสามอ่าว ขนาด 180 กรัม - ประจวบคีรีขันธ์</t>
  </si>
  <si>
    <t>กระยาสารทสามอ่าว
ขนมไทยโบราณที่ทำจากถั่ว งา ข้าวคั่วและน้ำตาล
ไม่ใส่สารกันบูด ไม่เหนียวติดมือ กลุ่มปรับปรุงสูตรนำมะพร้าว
กลุ่มปรับปรุงสูตรนำมะพร้าวและสับปะรดอบแห้งซึ่งเป็นพืชเศรษฐกิจของจังหวัด มาเป็นวัตถุดิบซึ่งเป็นเอกลักษณ์ของกลุ่ม
ทำให้มีกลิ่นหอม สดใหม่ รสชาติเข้มข้นมากขึ้น</t>
  </si>
  <si>
    <t xml:space="preserve">180 กรัม </t>
  </si>
  <si>
    <t>วรรณารัตน์</t>
  </si>
  <si>
    <t>กล้วยน้ำว้าดองน้ำผึ้ง - ประจวบคีรีขันธ์</t>
  </si>
  <si>
    <t>โหลเล็ก</t>
  </si>
  <si>
    <t>กล้วยน้ำว้าอบด้วยระบบความร้อนไอน้ำทำให้กล้วยแห้ง แต่นุ่มนวล นำไปใส่โหลดองด้วยน้ำผึ้งเดือนห้า เติมพริกไทย ทำให้เพิ่มรดชาด สามารถเก็บได้นาน รับประทานทุกวันบำรุงร่างกาย โบราณกล่าวว่าเป็นยาอายุวัฒนะ</t>
  </si>
  <si>
    <t>NODE NA LE</t>
  </si>
  <si>
    <t>น้ำตาลโตนดผงออร์แกนิค ขนาด 120 กรัม - โหนดนาเล - สงขลา</t>
  </si>
  <si>
    <t>ผลิตจากน้ำตาลโตนดแท้ 100 % ปราศจากสารกันบูดและสารเจือปน</t>
  </si>
  <si>
    <t xml:space="preserve">120 กรัม </t>
  </si>
  <si>
    <t xml:space="preserve">กลุ่มสบู่ตาลโตนด โหนด-นา-เล </t>
  </si>
  <si>
    <t>น้ำตาลโตนดผงออร์แกนิค - โหนดนาเล 500 กรัม - สงขลา</t>
  </si>
  <si>
    <t>ผลิตจากน้ำตาลโตนดแท้ 100 % ปราศจากสารกันบูดและสารเจือบน</t>
  </si>
  <si>
    <t xml:space="preserve">500 กรัม </t>
  </si>
  <si>
    <t>THE COFFEE SignaturePhayao</t>
  </si>
  <si>
    <t>กาแฟ THE COFFEE - Dark Gold ขนาด 250 กรัม- พะเยา</t>
  </si>
  <si>
    <t>คั่วเข้ม : Dark Gold หอมเข้ม เหมาะทานเป็นกาแฟเย็นเมนูดัง ดับกระหายคลายร้อน</t>
  </si>
  <si>
    <t>250 กรัม</t>
  </si>
  <si>
    <t xml:space="preserve">2 -3 วัน  </t>
  </si>
  <si>
    <t>วิสาหกิจชุมชนพะเยาเวลเนส</t>
  </si>
  <si>
    <t>กาแฟ THE COFFEE - Medium Gold ขนาด 250 กรัม - พะเยา</t>
  </si>
  <si>
    <t>คั่วกลาง : Medium Gold หอมลึก ติดริมปาก เหมาะทานเป็นกาแฟร้อนเมนูยอดนิยม</t>
  </si>
  <si>
    <t>สินค้าบริโภค ประเภทเครื่องดื่ม</t>
  </si>
  <si>
    <t>บริษัท ภูแก้วสมุนไพร จำกัด</t>
  </si>
  <si>
    <t>บริษัท พสุธารา  จำกัด</t>
  </si>
  <si>
    <t>ข้าวกล้องไรซ์เบอรี่ 1 กก. - สิงห์บุรี</t>
  </si>
  <si>
    <t xml:space="preserve">3-4 วัน  </t>
  </si>
  <si>
    <t>บริษัท ประชารัฐรักสามัคคีสิงห์บุรี (วิสาหกิจเพื่อสังคม) จำกัด</t>
  </si>
  <si>
    <t>กระเช้าผักตบชวาทรงเรือใหญ่ L (12x17x5") - อ่างทอง</t>
  </si>
  <si>
    <t>ผลิตจากผักตบชวา</t>
  </si>
  <si>
    <t>Size L (12x17x5 นิ้ว)</t>
  </si>
  <si>
    <t>ใช้เวลาในการผลิต 1 เดือน</t>
  </si>
  <si>
    <t xml:space="preserve">1-2 วัน  </t>
  </si>
  <si>
    <t>กลุ่มจักสานผักตบชวาบ้านบางตาแผ่น</t>
  </si>
  <si>
    <t>กระเป๋าเจมบอนด์สี่เหลี่ยม 12x12x4.5" บุผ้าขาวม้าพับขอบ - อ่างทอง</t>
  </si>
  <si>
    <t>ผลิตจากผักตบชวาและผ้าฝ้ายผ้าขาวม้า</t>
  </si>
  <si>
    <t>12x12x4.5 นิ้ว</t>
  </si>
  <si>
    <t>กระเป๋าเจมบอนด์สี่เหลี่ยม12x12x4.5บุผ้าขาวม้า ฟองน้ำ-อ่างทอง</t>
  </si>
  <si>
    <t>ตะกร้าทรงกระบอก ขนาด 12x12x4 นิ้ว - อ่างทอง</t>
  </si>
  <si>
    <t>ขนาด 12 x 12 x 4 นิ้ว</t>
  </si>
  <si>
    <t>ตะกร้าสี่เหลี่ยมขนาด 8x12x6 นิ้ว - อ่างทอง</t>
  </si>
  <si>
    <t>ขนาด 8 x 12 x 6 นิ้ว</t>
  </si>
  <si>
    <t>ตะกร้าทรงรี ก้น 11x15 นิ้วปาก 13x16 นิ้วสูง 7.5 นิ้ว-อ่างทอง</t>
  </si>
  <si>
    <t>ขนาด ก้น  11 x 15 นิ้ว</t>
  </si>
  <si>
    <t>ต่างหูดอกแก้วเมืองตาลอง - บุรีรัมย์</t>
  </si>
  <si>
    <t>คู่</t>
  </si>
  <si>
    <t>ผลิตจากเศษผ้าฝ้ายและผ้าไหม</t>
  </si>
  <si>
    <t xml:space="preserve"> 1 - 2 ปี</t>
  </si>
  <si>
    <t>ใช้เวลาการผลิต 1- 2 อาทิตย์</t>
  </si>
  <si>
    <t xml:space="preserve">1-3 วัน  </t>
  </si>
  <si>
    <t>ไปรษณีย์  เคอรี่</t>
  </si>
  <si>
    <t xml:space="preserve">กลุ่มทอผ้าไหมบ้านตาลอง </t>
  </si>
  <si>
    <t>สร้อยคอดอกแก้วเมืองตาลอง - บุรีรัมย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>
    <font>
      <sz val="10"/>
      <color indexed="8"/>
      <name val="Helvetica Neue"/>
    </font>
    <font>
      <sz val="8"/>
      <color indexed="8"/>
      <name val="Helvetica Neue"/>
    </font>
    <font>
      <b/>
      <sz val="8"/>
      <color indexed="8"/>
      <name val="Helvetica Neue"/>
    </font>
    <font>
      <sz val="8"/>
      <name val="Helvetica Neue"/>
      <scheme val="minor"/>
    </font>
    <font>
      <sz val="8"/>
      <name val="Helvetica Neue"/>
      <scheme val="major"/>
    </font>
    <font>
      <sz val="8"/>
      <name val="Helvetica Neue"/>
      <family val="2"/>
      <scheme val="major"/>
    </font>
    <font>
      <sz val="8"/>
      <name val="Berlin Sans FB"/>
      <family val="2"/>
    </font>
  </fonts>
  <fills count="7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-0.249977111117893"/>
        <bgColor indexed="64"/>
      </patternFill>
    </fill>
  </fills>
  <borders count="11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theme="4"/>
      </left>
      <right/>
      <top/>
      <bottom/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/>
      <right/>
      <top style="thin">
        <color theme="4"/>
      </top>
      <bottom/>
      <diagonal/>
    </border>
  </borders>
  <cellStyleXfs count="1">
    <xf numFmtId="0" fontId="0" fillId="0" borderId="0" applyNumberFormat="0" applyFill="0" applyBorder="0" applyProtection="0">
      <alignment vertical="top" wrapText="1"/>
    </xf>
  </cellStyleXfs>
  <cellXfs count="41">
    <xf numFmtId="0" fontId="0" fillId="0" borderId="0" xfId="0" applyFont="1" applyAlignment="1">
      <alignment vertical="top" wrapText="1"/>
    </xf>
    <xf numFmtId="0" fontId="1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0" fontId="3" fillId="4" borderId="0" xfId="0" applyFont="1" applyFill="1">
      <alignment vertical="top" wrapText="1"/>
    </xf>
    <xf numFmtId="0" fontId="4" fillId="4" borderId="6" xfId="0" applyNumberFormat="1" applyFont="1" applyFill="1" applyBorder="1" applyAlignment="1">
      <alignment vertical="center"/>
    </xf>
    <xf numFmtId="0" fontId="3" fillId="4" borderId="7" xfId="0" applyFont="1" applyFill="1" applyBorder="1">
      <alignment vertical="top" wrapText="1"/>
    </xf>
    <xf numFmtId="49" fontId="1" fillId="4" borderId="5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/>
    </xf>
    <xf numFmtId="0" fontId="5" fillId="4" borderId="8" xfId="0" applyNumberFormat="1" applyFont="1" applyFill="1" applyBorder="1" applyAlignment="1">
      <alignment vertical="center"/>
    </xf>
    <xf numFmtId="0" fontId="5" fillId="4" borderId="9" xfId="0" applyNumberFormat="1" applyFont="1" applyFill="1" applyBorder="1" applyAlignment="1">
      <alignment vertical="center"/>
    </xf>
    <xf numFmtId="0" fontId="1" fillId="4" borderId="0" xfId="0" applyNumberFormat="1" applyFont="1" applyFill="1">
      <alignment vertical="top" wrapText="1"/>
    </xf>
    <xf numFmtId="0" fontId="5" fillId="4" borderId="10" xfId="0" applyNumberFormat="1" applyFont="1" applyFill="1" applyBorder="1" applyAlignment="1">
      <alignment vertical="center"/>
    </xf>
    <xf numFmtId="0" fontId="4" fillId="4" borderId="6" xfId="0" applyNumberFormat="1" applyFont="1" applyFill="1" applyBorder="1" applyAlignment="1">
      <alignment vertical="center" wrapText="1"/>
    </xf>
    <xf numFmtId="0" fontId="4" fillId="4" borderId="6" xfId="0" applyNumberFormat="1" applyFont="1" applyFill="1" applyBorder="1">
      <alignment vertical="top" wrapText="1"/>
    </xf>
    <xf numFmtId="0" fontId="5" fillId="4" borderId="6" xfId="0" applyNumberFormat="1" applyFont="1" applyFill="1" applyBorder="1" applyAlignment="1">
      <alignment vertical="center" wrapText="1"/>
    </xf>
    <xf numFmtId="0" fontId="5" fillId="4" borderId="6" xfId="0" quotePrefix="1" applyNumberFormat="1" applyFont="1" applyFill="1" applyBorder="1" applyAlignment="1">
      <alignment vertical="center" wrapText="1"/>
    </xf>
    <xf numFmtId="0" fontId="6" fillId="4" borderId="6" xfId="0" quotePrefix="1" applyNumberFormat="1" applyFont="1" applyFill="1" applyBorder="1" applyAlignment="1">
      <alignment vertical="center"/>
    </xf>
    <xf numFmtId="0" fontId="3" fillId="5" borderId="0" xfId="0" applyFont="1" applyFill="1">
      <alignment vertical="top" wrapText="1"/>
    </xf>
    <xf numFmtId="0" fontId="4" fillId="5" borderId="6" xfId="0" applyNumberFormat="1" applyFont="1" applyFill="1" applyBorder="1" applyAlignment="1">
      <alignment vertical="center"/>
    </xf>
    <xf numFmtId="0" fontId="3" fillId="5" borderId="7" xfId="0" applyFont="1" applyFill="1" applyBorder="1">
      <alignment vertical="top" wrapText="1"/>
    </xf>
    <xf numFmtId="0" fontId="4" fillId="5" borderId="6" xfId="0" applyNumberFormat="1" applyFont="1" applyFill="1" applyBorder="1" applyAlignment="1">
      <alignment vertical="center" wrapText="1"/>
    </xf>
    <xf numFmtId="0" fontId="5" fillId="5" borderId="6" xfId="0" applyNumberFormat="1" applyFont="1" applyFill="1" applyBorder="1" applyAlignment="1">
      <alignment vertical="center"/>
    </xf>
    <xf numFmtId="49" fontId="1" fillId="5" borderId="5" xfId="0" applyNumberFormat="1" applyFont="1" applyFill="1" applyBorder="1">
      <alignment vertical="top" wrapText="1"/>
    </xf>
    <xf numFmtId="0" fontId="1" fillId="5" borderId="0" xfId="0" applyNumberFormat="1" applyFont="1" applyFill="1">
      <alignment vertical="top" wrapText="1"/>
    </xf>
    <xf numFmtId="0" fontId="5" fillId="5" borderId="6" xfId="0" applyNumberFormat="1" applyFont="1" applyFill="1" applyBorder="1" applyAlignment="1">
      <alignment vertical="center" wrapText="1"/>
    </xf>
    <xf numFmtId="0" fontId="5" fillId="5" borderId="6" xfId="0" quotePrefix="1" applyNumberFormat="1" applyFont="1" applyFill="1" applyBorder="1" applyAlignment="1">
      <alignment vertical="center" wrapText="1"/>
    </xf>
    <xf numFmtId="49" fontId="2" fillId="3" borderId="4" xfId="0" applyNumberFormat="1" applyFont="1" applyFill="1" applyBorder="1" applyAlignment="1">
      <alignment horizontal="center" vertical="top" wrapText="1"/>
    </xf>
    <xf numFmtId="0" fontId="2" fillId="3" borderId="4" xfId="0" applyFont="1" applyFill="1" applyBorder="1" applyAlignment="1">
      <alignment vertical="top" wrapText="1"/>
    </xf>
    <xf numFmtId="49" fontId="1" fillId="2" borderId="1" xfId="0" applyNumberFormat="1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3" fillId="6" borderId="0" xfId="0" applyFont="1" applyFill="1">
      <alignment vertical="top" wrapText="1"/>
    </xf>
    <xf numFmtId="0" fontId="4" fillId="6" borderId="6" xfId="0" applyNumberFormat="1" applyFont="1" applyFill="1" applyBorder="1" applyAlignment="1">
      <alignment vertical="center"/>
    </xf>
    <xf numFmtId="0" fontId="3" fillId="6" borderId="7" xfId="0" applyFont="1" applyFill="1" applyBorder="1">
      <alignment vertical="top" wrapText="1"/>
    </xf>
    <xf numFmtId="0" fontId="1" fillId="6" borderId="0" xfId="0" applyNumberFormat="1" applyFont="1" applyFill="1">
      <alignment vertical="top" wrapText="1"/>
    </xf>
    <xf numFmtId="0" fontId="5" fillId="6" borderId="6" xfId="0" applyNumberFormat="1" applyFont="1" applyFill="1" applyBorder="1" applyAlignment="1">
      <alignment vertical="center"/>
    </xf>
    <xf numFmtId="49" fontId="1" fillId="6" borderId="5" xfId="0" applyNumberFormat="1" applyFont="1" applyFill="1" applyBorder="1">
      <alignment vertical="top" wrapText="1"/>
    </xf>
    <xf numFmtId="0" fontId="5" fillId="6" borderId="6" xfId="0" applyNumberFormat="1" applyFont="1" applyFill="1" applyBorder="1" applyAlignment="1">
      <alignment vertical="center" wrapText="1"/>
    </xf>
    <xf numFmtId="0" fontId="4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/>
    </xf>
    <xf numFmtId="0" fontId="5" fillId="6" borderId="9" xfId="0" applyNumberFormat="1" applyFont="1" applyFill="1" applyBorder="1" applyAlignment="1">
      <alignment vertical="center" wrapText="1"/>
    </xf>
  </cellXfs>
  <cellStyles count="1"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W59"/>
  <sheetViews>
    <sheetView showGridLines="0" tabSelected="1" topLeftCell="A49" workbookViewId="0">
      <selection activeCell="D56" sqref="D56"/>
    </sheetView>
  </sheetViews>
  <sheetFormatPr defaultColWidth="16.36328125" defaultRowHeight="19.899999999999999" customHeight="1"/>
  <cols>
    <col min="1" max="3" width="16.36328125" style="1" customWidth="1"/>
    <col min="4" max="4" width="30.453125" style="1" customWidth="1"/>
    <col min="5" max="5" width="16.36328125" style="1" customWidth="1"/>
    <col min="6" max="6" width="255.6328125" style="1" bestFit="1" customWidth="1"/>
    <col min="7" max="7" width="29.453125" style="1" customWidth="1"/>
    <col min="8" max="14" width="16.36328125" style="1" customWidth="1"/>
    <col min="15" max="15" width="42.1796875" style="1" customWidth="1"/>
    <col min="16" max="21" width="16.36328125" style="1" customWidth="1"/>
    <col min="22" max="22" width="36.1796875" style="1" customWidth="1"/>
    <col min="23" max="24" width="16.36328125" style="1" customWidth="1"/>
    <col min="25" max="16384" width="16.36328125" style="1"/>
  </cols>
  <sheetData>
    <row r="1" spans="1:23" ht="30.15" customHeight="1">
      <c r="A1" s="28" t="s">
        <v>0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  <c r="R1" s="29"/>
      <c r="S1" s="29"/>
      <c r="T1" s="29"/>
      <c r="U1" s="29"/>
      <c r="V1" s="29"/>
      <c r="W1" s="30"/>
    </row>
    <row r="2" spans="1:23" ht="22.25" customHeight="1">
      <c r="A2" s="26" t="s">
        <v>1</v>
      </c>
      <c r="B2" s="26" t="s">
        <v>2</v>
      </c>
      <c r="C2" s="26" t="s">
        <v>3</v>
      </c>
      <c r="D2" s="26" t="s">
        <v>4</v>
      </c>
      <c r="E2" s="26" t="s">
        <v>5</v>
      </c>
      <c r="F2" s="26" t="s">
        <v>6</v>
      </c>
      <c r="G2" s="26" t="s">
        <v>7</v>
      </c>
      <c r="H2" s="26" t="s">
        <v>8</v>
      </c>
      <c r="I2" s="27"/>
      <c r="J2" s="27"/>
      <c r="K2" s="26" t="s">
        <v>9</v>
      </c>
      <c r="L2" s="27"/>
      <c r="M2" s="27"/>
      <c r="N2" s="26" t="s">
        <v>10</v>
      </c>
      <c r="O2" s="26" t="s">
        <v>11</v>
      </c>
      <c r="P2" s="26" t="s">
        <v>12</v>
      </c>
      <c r="Q2" s="26" t="s">
        <v>13</v>
      </c>
      <c r="R2" s="26" t="s">
        <v>14</v>
      </c>
      <c r="S2" s="26" t="s">
        <v>15</v>
      </c>
      <c r="T2" s="27"/>
      <c r="U2" s="27"/>
      <c r="V2" s="26" t="s">
        <v>16</v>
      </c>
      <c r="W2" s="26" t="s">
        <v>17</v>
      </c>
    </row>
    <row r="3" spans="1:23" ht="22.25" customHeight="1">
      <c r="A3" s="27"/>
      <c r="B3" s="27"/>
      <c r="C3" s="27"/>
      <c r="D3" s="27"/>
      <c r="E3" s="27"/>
      <c r="F3" s="27"/>
      <c r="G3" s="27"/>
      <c r="H3" s="2" t="s">
        <v>18</v>
      </c>
      <c r="I3" s="2" t="s">
        <v>19</v>
      </c>
      <c r="J3" s="2" t="s">
        <v>20</v>
      </c>
      <c r="K3" s="2" t="s">
        <v>21</v>
      </c>
      <c r="L3" s="2" t="s">
        <v>22</v>
      </c>
      <c r="M3" s="2" t="s">
        <v>23</v>
      </c>
      <c r="N3" s="27"/>
      <c r="O3" s="27"/>
      <c r="P3" s="27"/>
      <c r="Q3" s="27"/>
      <c r="R3" s="27"/>
      <c r="S3" s="2" t="s">
        <v>24</v>
      </c>
      <c r="T3" s="2" t="s">
        <v>25</v>
      </c>
      <c r="U3" s="2" t="s">
        <v>26</v>
      </c>
      <c r="V3" s="27"/>
      <c r="W3" s="27"/>
    </row>
    <row r="4" spans="1:23" s="10" customFormat="1" ht="20" customHeight="1">
      <c r="A4" s="3">
        <v>330330004</v>
      </c>
      <c r="B4" s="4"/>
      <c r="C4" s="5" t="s">
        <v>32</v>
      </c>
      <c r="D4" s="6" t="s">
        <v>135</v>
      </c>
      <c r="E4" s="4" t="s">
        <v>27</v>
      </c>
      <c r="F4" s="4" t="s">
        <v>28</v>
      </c>
      <c r="G4" s="4" t="s">
        <v>29</v>
      </c>
      <c r="H4" s="7"/>
      <c r="I4" s="7"/>
      <c r="J4" s="7" t="s">
        <v>129</v>
      </c>
      <c r="K4" s="8" t="s">
        <v>33</v>
      </c>
      <c r="L4" s="8" t="s">
        <v>34</v>
      </c>
      <c r="M4" s="8" t="s">
        <v>35</v>
      </c>
      <c r="N4" s="7" t="s">
        <v>30</v>
      </c>
      <c r="O4" s="7" t="s">
        <v>132</v>
      </c>
      <c r="P4" s="7">
        <v>30</v>
      </c>
      <c r="Q4" s="7">
        <v>60</v>
      </c>
      <c r="R4" s="7" t="s">
        <v>36</v>
      </c>
      <c r="S4" s="7"/>
      <c r="T4" s="7" t="s">
        <v>31</v>
      </c>
      <c r="U4" s="7"/>
      <c r="V4" s="6" t="s">
        <v>37</v>
      </c>
      <c r="W4" s="9" t="s">
        <v>38</v>
      </c>
    </row>
    <row r="5" spans="1:23" s="10" customFormat="1" ht="20" customHeight="1">
      <c r="A5" s="3">
        <v>330330005</v>
      </c>
      <c r="B5" s="4"/>
      <c r="C5" s="5" t="s">
        <v>39</v>
      </c>
      <c r="D5" s="6" t="s">
        <v>135</v>
      </c>
      <c r="E5" s="4" t="s">
        <v>27</v>
      </c>
      <c r="F5" s="4" t="s">
        <v>28</v>
      </c>
      <c r="G5" s="4" t="s">
        <v>40</v>
      </c>
      <c r="H5" s="7"/>
      <c r="I5" s="7"/>
      <c r="J5" s="7" t="s">
        <v>129</v>
      </c>
      <c r="K5" s="9" t="s">
        <v>33</v>
      </c>
      <c r="L5" s="9" t="s">
        <v>34</v>
      </c>
      <c r="M5" s="9" t="s">
        <v>35</v>
      </c>
      <c r="N5" s="11" t="s">
        <v>41</v>
      </c>
      <c r="O5" s="7" t="s">
        <v>132</v>
      </c>
      <c r="P5" s="7">
        <v>60</v>
      </c>
      <c r="Q5" s="7">
        <v>100</v>
      </c>
      <c r="R5" s="7" t="s">
        <v>36</v>
      </c>
      <c r="S5" s="7"/>
      <c r="T5" s="7" t="s">
        <v>31</v>
      </c>
      <c r="U5" s="7"/>
      <c r="V5" s="6" t="s">
        <v>37</v>
      </c>
      <c r="W5" s="8" t="s">
        <v>38</v>
      </c>
    </row>
    <row r="6" spans="1:23" s="10" customFormat="1" ht="20" customHeight="1">
      <c r="A6" s="3">
        <v>335310015</v>
      </c>
      <c r="B6" s="4" t="s">
        <v>42</v>
      </c>
      <c r="C6" s="5" t="s">
        <v>43</v>
      </c>
      <c r="D6" s="6" t="s">
        <v>136</v>
      </c>
      <c r="E6" s="4" t="s">
        <v>44</v>
      </c>
      <c r="F6" s="12" t="s">
        <v>45</v>
      </c>
      <c r="G6" s="4" t="s">
        <v>46</v>
      </c>
      <c r="H6" s="7"/>
      <c r="I6" s="7"/>
      <c r="J6" s="7" t="s">
        <v>47</v>
      </c>
      <c r="K6" s="8" t="s">
        <v>48</v>
      </c>
      <c r="L6" s="8" t="s">
        <v>49</v>
      </c>
      <c r="M6" s="8"/>
      <c r="N6" s="7" t="s">
        <v>50</v>
      </c>
      <c r="O6" s="7" t="s">
        <v>51</v>
      </c>
      <c r="P6" s="7">
        <v>90</v>
      </c>
      <c r="Q6" s="7">
        <v>139</v>
      </c>
      <c r="R6" s="7" t="s">
        <v>36</v>
      </c>
      <c r="S6" s="7"/>
      <c r="T6" s="7" t="s">
        <v>52</v>
      </c>
      <c r="U6" s="7"/>
      <c r="V6" s="6" t="s">
        <v>37</v>
      </c>
      <c r="W6" s="7" t="s">
        <v>53</v>
      </c>
    </row>
    <row r="7" spans="1:23" s="10" customFormat="1" ht="20" customHeight="1">
      <c r="A7" s="3">
        <v>335310022</v>
      </c>
      <c r="B7" s="4" t="s">
        <v>42</v>
      </c>
      <c r="C7" s="5" t="s">
        <v>54</v>
      </c>
      <c r="D7" s="6" t="s">
        <v>136</v>
      </c>
      <c r="E7" s="4" t="s">
        <v>55</v>
      </c>
      <c r="F7" s="12" t="s">
        <v>56</v>
      </c>
      <c r="G7" s="4" t="s">
        <v>57</v>
      </c>
      <c r="H7" s="7"/>
      <c r="I7" s="7"/>
      <c r="J7" s="7" t="s">
        <v>47</v>
      </c>
      <c r="K7" s="7" t="s">
        <v>48</v>
      </c>
      <c r="L7" s="7" t="s">
        <v>49</v>
      </c>
      <c r="M7" s="7"/>
      <c r="N7" s="7" t="s">
        <v>50</v>
      </c>
      <c r="O7" s="7" t="s">
        <v>51</v>
      </c>
      <c r="P7" s="7">
        <v>119</v>
      </c>
      <c r="Q7" s="7">
        <v>159</v>
      </c>
      <c r="R7" s="7" t="s">
        <v>36</v>
      </c>
      <c r="S7" s="7"/>
      <c r="T7" s="7" t="s">
        <v>52</v>
      </c>
      <c r="U7" s="7"/>
      <c r="V7" s="6" t="s">
        <v>37</v>
      </c>
      <c r="W7" s="7" t="s">
        <v>53</v>
      </c>
    </row>
    <row r="8" spans="1:23" s="10" customFormat="1" ht="20" customHeight="1">
      <c r="A8" s="3">
        <v>894340037</v>
      </c>
      <c r="B8" s="4"/>
      <c r="C8" s="5" t="s">
        <v>58</v>
      </c>
      <c r="D8" s="6" t="s">
        <v>137</v>
      </c>
      <c r="E8" s="4" t="s">
        <v>55</v>
      </c>
      <c r="F8" s="12" t="s">
        <v>59</v>
      </c>
      <c r="G8" s="4" t="s">
        <v>60</v>
      </c>
      <c r="H8" s="7"/>
      <c r="I8" s="7"/>
      <c r="J8" s="7" t="s">
        <v>61</v>
      </c>
      <c r="K8" s="7" t="s">
        <v>62</v>
      </c>
      <c r="L8" s="7"/>
      <c r="M8" s="7"/>
      <c r="N8" s="7" t="s">
        <v>63</v>
      </c>
      <c r="O8" s="7" t="s">
        <v>64</v>
      </c>
      <c r="P8" s="7">
        <v>80</v>
      </c>
      <c r="Q8" s="7">
        <v>120</v>
      </c>
      <c r="R8" s="7" t="s">
        <v>36</v>
      </c>
      <c r="S8" s="7"/>
      <c r="T8" s="7" t="s">
        <v>31</v>
      </c>
      <c r="U8" s="7"/>
      <c r="V8" s="6" t="s">
        <v>37</v>
      </c>
      <c r="W8" s="7" t="s">
        <v>65</v>
      </c>
    </row>
    <row r="9" spans="1:23" s="10" customFormat="1" ht="20" customHeight="1">
      <c r="A9" s="3">
        <v>894310044</v>
      </c>
      <c r="B9" s="4" t="s">
        <v>66</v>
      </c>
      <c r="C9" s="5" t="s">
        <v>67</v>
      </c>
      <c r="D9" s="6" t="s">
        <v>136</v>
      </c>
      <c r="E9" s="4" t="s">
        <v>68</v>
      </c>
      <c r="F9" s="13" t="s">
        <v>69</v>
      </c>
      <c r="G9" s="4" t="s">
        <v>128</v>
      </c>
      <c r="H9" s="7"/>
      <c r="I9" s="7" t="s">
        <v>70</v>
      </c>
      <c r="J9" s="7" t="s">
        <v>71</v>
      </c>
      <c r="K9" s="7" t="s">
        <v>72</v>
      </c>
      <c r="L9" s="7" t="s">
        <v>73</v>
      </c>
      <c r="M9" s="7"/>
      <c r="N9" s="14" t="s">
        <v>74</v>
      </c>
      <c r="O9" s="15" t="s">
        <v>133</v>
      </c>
      <c r="P9" s="14" t="s">
        <v>75</v>
      </c>
      <c r="Q9" s="7">
        <v>125</v>
      </c>
      <c r="R9" s="7" t="s">
        <v>36</v>
      </c>
      <c r="S9" s="7"/>
      <c r="T9" s="7" t="s">
        <v>76</v>
      </c>
      <c r="U9" s="16" t="s">
        <v>77</v>
      </c>
      <c r="V9" s="6" t="s">
        <v>37</v>
      </c>
      <c r="W9" s="7" t="s">
        <v>78</v>
      </c>
    </row>
    <row r="10" spans="1:23" s="10" customFormat="1" ht="20" customHeight="1">
      <c r="A10" s="3">
        <v>894310045</v>
      </c>
      <c r="B10" s="4" t="s">
        <v>66</v>
      </c>
      <c r="C10" s="5" t="s">
        <v>79</v>
      </c>
      <c r="D10" s="6" t="s">
        <v>136</v>
      </c>
      <c r="E10" s="4" t="s">
        <v>80</v>
      </c>
      <c r="F10" s="13" t="s">
        <v>69</v>
      </c>
      <c r="G10" s="4" t="s">
        <v>127</v>
      </c>
      <c r="H10" s="7"/>
      <c r="I10" s="7" t="s">
        <v>70</v>
      </c>
      <c r="J10" s="7" t="s">
        <v>71</v>
      </c>
      <c r="K10" s="7" t="s">
        <v>72</v>
      </c>
      <c r="L10" s="7" t="s">
        <v>73</v>
      </c>
      <c r="M10" s="7"/>
      <c r="N10" s="14" t="s">
        <v>74</v>
      </c>
      <c r="O10" s="15" t="s">
        <v>133</v>
      </c>
      <c r="P10" s="7">
        <v>28</v>
      </c>
      <c r="Q10" s="7">
        <v>39</v>
      </c>
      <c r="R10" s="7" t="s">
        <v>36</v>
      </c>
      <c r="S10" s="7"/>
      <c r="T10" s="7" t="s">
        <v>76</v>
      </c>
      <c r="U10" s="16" t="s">
        <v>77</v>
      </c>
      <c r="V10" s="6" t="s">
        <v>37</v>
      </c>
      <c r="W10" s="7" t="s">
        <v>78</v>
      </c>
    </row>
    <row r="11" spans="1:23" s="10" customFormat="1" ht="20" customHeight="1">
      <c r="A11" s="3">
        <v>894310046</v>
      </c>
      <c r="B11" s="4" t="s">
        <v>66</v>
      </c>
      <c r="C11" s="5" t="s">
        <v>81</v>
      </c>
      <c r="D11" s="6" t="s">
        <v>136</v>
      </c>
      <c r="E11" s="4" t="s">
        <v>80</v>
      </c>
      <c r="F11" s="13" t="s">
        <v>69</v>
      </c>
      <c r="G11" s="4" t="s">
        <v>82</v>
      </c>
      <c r="H11" s="7"/>
      <c r="I11" s="7" t="s">
        <v>70</v>
      </c>
      <c r="J11" s="7" t="s">
        <v>71</v>
      </c>
      <c r="K11" s="7" t="s">
        <v>72</v>
      </c>
      <c r="L11" s="7" t="s">
        <v>73</v>
      </c>
      <c r="M11" s="7"/>
      <c r="N11" s="14" t="s">
        <v>83</v>
      </c>
      <c r="O11" s="15" t="s">
        <v>133</v>
      </c>
      <c r="P11" s="7">
        <v>28</v>
      </c>
      <c r="Q11" s="7">
        <v>39</v>
      </c>
      <c r="R11" s="7" t="s">
        <v>36</v>
      </c>
      <c r="S11" s="7"/>
      <c r="T11" s="7" t="s">
        <v>76</v>
      </c>
      <c r="U11" s="16" t="s">
        <v>77</v>
      </c>
      <c r="V11" s="6" t="s">
        <v>37</v>
      </c>
      <c r="W11" s="7" t="s">
        <v>78</v>
      </c>
    </row>
    <row r="12" spans="1:23" s="10" customFormat="1" ht="20" customHeight="1">
      <c r="A12" s="3">
        <v>438330015</v>
      </c>
      <c r="B12" s="4" t="s">
        <v>84</v>
      </c>
      <c r="C12" s="5" t="s">
        <v>85</v>
      </c>
      <c r="D12" s="6" t="s">
        <v>135</v>
      </c>
      <c r="E12" s="4" t="s">
        <v>86</v>
      </c>
      <c r="F12" s="4" t="s">
        <v>87</v>
      </c>
      <c r="G12" s="4" t="s">
        <v>88</v>
      </c>
      <c r="H12" s="7"/>
      <c r="I12" s="7"/>
      <c r="J12" s="7" t="s">
        <v>129</v>
      </c>
      <c r="K12" s="7" t="s">
        <v>72</v>
      </c>
      <c r="L12" s="7" t="s">
        <v>73</v>
      </c>
      <c r="M12" s="7"/>
      <c r="N12" s="7" t="s">
        <v>63</v>
      </c>
      <c r="O12" s="7" t="s">
        <v>134</v>
      </c>
      <c r="P12" s="14" t="s">
        <v>89</v>
      </c>
      <c r="Q12" s="7">
        <v>450</v>
      </c>
      <c r="R12" s="7" t="s">
        <v>90</v>
      </c>
      <c r="S12" s="7"/>
      <c r="T12" s="7" t="s">
        <v>31</v>
      </c>
      <c r="U12" s="16" t="s">
        <v>77</v>
      </c>
      <c r="V12" s="6" t="s">
        <v>37</v>
      </c>
      <c r="W12" s="7" t="s">
        <v>91</v>
      </c>
    </row>
    <row r="13" spans="1:23" s="10" customFormat="1" ht="20" customHeight="1">
      <c r="A13" s="3">
        <v>619140031</v>
      </c>
      <c r="B13" s="4"/>
      <c r="C13" s="5" t="s">
        <v>92</v>
      </c>
      <c r="D13" s="6" t="s">
        <v>137</v>
      </c>
      <c r="E13" s="4" t="s">
        <v>93</v>
      </c>
      <c r="F13" s="12" t="s">
        <v>94</v>
      </c>
      <c r="G13" s="4" t="s">
        <v>95</v>
      </c>
      <c r="H13" s="7"/>
      <c r="I13" s="7"/>
      <c r="J13" s="7" t="s">
        <v>130</v>
      </c>
      <c r="K13" s="7" t="s">
        <v>96</v>
      </c>
      <c r="L13" s="7" t="s">
        <v>97</v>
      </c>
      <c r="M13" s="7" t="s">
        <v>98</v>
      </c>
      <c r="N13" s="7" t="s">
        <v>99</v>
      </c>
      <c r="O13" s="7" t="s">
        <v>100</v>
      </c>
      <c r="P13" s="7">
        <v>180</v>
      </c>
      <c r="Q13" s="7">
        <v>250</v>
      </c>
      <c r="R13" s="7" t="s">
        <v>90</v>
      </c>
      <c r="S13" s="7"/>
      <c r="T13" s="7" t="s">
        <v>31</v>
      </c>
      <c r="U13" s="7"/>
      <c r="V13" s="6" t="s">
        <v>37</v>
      </c>
      <c r="W13" s="7" t="s">
        <v>101</v>
      </c>
    </row>
    <row r="14" spans="1:23" s="10" customFormat="1" ht="20" customHeight="1">
      <c r="A14" s="3">
        <v>619310030</v>
      </c>
      <c r="B14" s="4"/>
      <c r="C14" s="5" t="s">
        <v>102</v>
      </c>
      <c r="D14" s="6" t="s">
        <v>136</v>
      </c>
      <c r="E14" s="4" t="s">
        <v>44</v>
      </c>
      <c r="F14" s="12" t="s">
        <v>103</v>
      </c>
      <c r="G14" s="4" t="s">
        <v>104</v>
      </c>
      <c r="H14" s="7"/>
      <c r="I14" s="7"/>
      <c r="J14" s="7" t="s">
        <v>47</v>
      </c>
      <c r="K14" s="7" t="s">
        <v>131</v>
      </c>
      <c r="L14" s="7"/>
      <c r="M14" s="7"/>
      <c r="N14" s="7" t="s">
        <v>99</v>
      </c>
      <c r="O14" s="7" t="s">
        <v>100</v>
      </c>
      <c r="P14" s="7">
        <v>45</v>
      </c>
      <c r="Q14" s="7">
        <v>60</v>
      </c>
      <c r="R14" s="7" t="s">
        <v>90</v>
      </c>
      <c r="S14" s="7"/>
      <c r="T14" s="7" t="s">
        <v>31</v>
      </c>
      <c r="U14" s="7"/>
      <c r="V14" s="6" t="s">
        <v>37</v>
      </c>
      <c r="W14" s="7" t="s">
        <v>101</v>
      </c>
    </row>
    <row r="15" spans="1:23" s="10" customFormat="1" ht="20" customHeight="1">
      <c r="A15" s="3">
        <v>773310019</v>
      </c>
      <c r="B15" s="4" t="s">
        <v>105</v>
      </c>
      <c r="C15" s="5" t="s">
        <v>106</v>
      </c>
      <c r="D15" s="6" t="s">
        <v>136</v>
      </c>
      <c r="E15" s="4" t="s">
        <v>55</v>
      </c>
      <c r="F15" s="12" t="s">
        <v>107</v>
      </c>
      <c r="G15" s="4" t="s">
        <v>126</v>
      </c>
      <c r="H15" s="7"/>
      <c r="I15" s="7"/>
      <c r="J15" s="7" t="s">
        <v>108</v>
      </c>
      <c r="K15" s="7" t="s">
        <v>109</v>
      </c>
      <c r="L15" s="7"/>
      <c r="M15" s="7"/>
      <c r="N15" s="7" t="s">
        <v>50</v>
      </c>
      <c r="O15" s="7" t="s">
        <v>100</v>
      </c>
      <c r="P15" s="7">
        <v>115</v>
      </c>
      <c r="Q15" s="7">
        <v>165</v>
      </c>
      <c r="R15" s="7" t="s">
        <v>36</v>
      </c>
      <c r="S15" s="7"/>
      <c r="T15" s="7" t="s">
        <v>52</v>
      </c>
      <c r="U15" s="7"/>
      <c r="V15" s="6" t="s">
        <v>37</v>
      </c>
      <c r="W15" s="7" t="s">
        <v>110</v>
      </c>
    </row>
    <row r="16" spans="1:23" s="10" customFormat="1" ht="20" customHeight="1">
      <c r="A16" s="3">
        <v>773310012</v>
      </c>
      <c r="B16" s="4" t="s">
        <v>105</v>
      </c>
      <c r="C16" s="5" t="s">
        <v>111</v>
      </c>
      <c r="D16" s="6" t="s">
        <v>136</v>
      </c>
      <c r="E16" s="4" t="s">
        <v>55</v>
      </c>
      <c r="F16" s="12" t="s">
        <v>112</v>
      </c>
      <c r="G16" s="4" t="s">
        <v>113</v>
      </c>
      <c r="H16" s="7"/>
      <c r="I16" s="7"/>
      <c r="J16" s="7" t="s">
        <v>108</v>
      </c>
      <c r="K16" s="7" t="s">
        <v>109</v>
      </c>
      <c r="L16" s="7"/>
      <c r="M16" s="7"/>
      <c r="N16" s="7" t="s">
        <v>50</v>
      </c>
      <c r="O16" s="7" t="s">
        <v>100</v>
      </c>
      <c r="P16" s="7">
        <v>55</v>
      </c>
      <c r="Q16" s="7">
        <v>60</v>
      </c>
      <c r="R16" s="7" t="s">
        <v>36</v>
      </c>
      <c r="S16" s="7"/>
      <c r="T16" s="7" t="s">
        <v>52</v>
      </c>
      <c r="U16" s="7"/>
      <c r="V16" s="6" t="s">
        <v>37</v>
      </c>
      <c r="W16" s="7" t="s">
        <v>110</v>
      </c>
    </row>
    <row r="17" spans="1:23" s="10" customFormat="1" ht="20" customHeight="1">
      <c r="A17" s="3">
        <v>773310020</v>
      </c>
      <c r="B17" s="4" t="s">
        <v>105</v>
      </c>
      <c r="C17" s="5" t="s">
        <v>114</v>
      </c>
      <c r="D17" s="6" t="s">
        <v>136</v>
      </c>
      <c r="E17" s="4" t="s">
        <v>55</v>
      </c>
      <c r="F17" s="12" t="s">
        <v>112</v>
      </c>
      <c r="G17" s="4" t="s">
        <v>115</v>
      </c>
      <c r="H17" s="7"/>
      <c r="I17" s="7"/>
      <c r="J17" s="7" t="s">
        <v>108</v>
      </c>
      <c r="K17" s="7" t="s">
        <v>109</v>
      </c>
      <c r="L17" s="7"/>
      <c r="M17" s="7"/>
      <c r="N17" s="7" t="s">
        <v>50</v>
      </c>
      <c r="O17" s="7" t="s">
        <v>100</v>
      </c>
      <c r="P17" s="7">
        <v>150</v>
      </c>
      <c r="Q17" s="7">
        <v>205</v>
      </c>
      <c r="R17" s="7" t="s">
        <v>36</v>
      </c>
      <c r="S17" s="7"/>
      <c r="T17" s="7" t="s">
        <v>52</v>
      </c>
      <c r="U17" s="7"/>
      <c r="V17" s="6" t="s">
        <v>37</v>
      </c>
      <c r="W17" s="7" t="s">
        <v>110</v>
      </c>
    </row>
    <row r="18" spans="1:23" s="10" customFormat="1" ht="20" customHeight="1">
      <c r="A18" s="3">
        <v>773310021</v>
      </c>
      <c r="B18" s="4" t="s">
        <v>105</v>
      </c>
      <c r="C18" s="5" t="s">
        <v>116</v>
      </c>
      <c r="D18" s="6" t="s">
        <v>136</v>
      </c>
      <c r="E18" s="4" t="s">
        <v>80</v>
      </c>
      <c r="F18" s="12" t="s">
        <v>117</v>
      </c>
      <c r="G18" s="4" t="s">
        <v>118</v>
      </c>
      <c r="H18" s="7"/>
      <c r="I18" s="7"/>
      <c r="J18" s="7" t="s">
        <v>108</v>
      </c>
      <c r="K18" s="7" t="s">
        <v>109</v>
      </c>
      <c r="L18" s="7"/>
      <c r="M18" s="7"/>
      <c r="N18" s="7" t="s">
        <v>50</v>
      </c>
      <c r="O18" s="7" t="s">
        <v>100</v>
      </c>
      <c r="P18" s="7">
        <v>25</v>
      </c>
      <c r="Q18" s="7">
        <v>45</v>
      </c>
      <c r="R18" s="7" t="s">
        <v>36</v>
      </c>
      <c r="S18" s="7"/>
      <c r="T18" s="7" t="s">
        <v>52</v>
      </c>
      <c r="U18" s="7"/>
      <c r="V18" s="6" t="s">
        <v>37</v>
      </c>
      <c r="W18" s="7" t="s">
        <v>110</v>
      </c>
    </row>
    <row r="19" spans="1:23" s="10" customFormat="1" ht="20" customHeight="1">
      <c r="A19" s="3">
        <v>773310018</v>
      </c>
      <c r="B19" s="4" t="s">
        <v>119</v>
      </c>
      <c r="C19" s="5" t="s">
        <v>120</v>
      </c>
      <c r="D19" s="6" t="s">
        <v>136</v>
      </c>
      <c r="E19" s="4" t="s">
        <v>80</v>
      </c>
      <c r="F19" s="12" t="s">
        <v>121</v>
      </c>
      <c r="G19" s="4" t="s">
        <v>122</v>
      </c>
      <c r="H19" s="7"/>
      <c r="I19" s="7"/>
      <c r="J19" s="7" t="s">
        <v>108</v>
      </c>
      <c r="K19" s="7" t="s">
        <v>72</v>
      </c>
      <c r="L19" s="7"/>
      <c r="M19" s="7"/>
      <c r="N19" s="7" t="s">
        <v>123</v>
      </c>
      <c r="O19" s="7" t="s">
        <v>124</v>
      </c>
      <c r="P19" s="7">
        <v>40</v>
      </c>
      <c r="Q19" s="7">
        <v>55</v>
      </c>
      <c r="R19" s="7" t="s">
        <v>36</v>
      </c>
      <c r="S19" s="7"/>
      <c r="T19" s="7" t="s">
        <v>31</v>
      </c>
      <c r="U19" s="7"/>
      <c r="V19" s="6" t="s">
        <v>37</v>
      </c>
      <c r="W19" s="7" t="s">
        <v>125</v>
      </c>
    </row>
    <row r="20" spans="1:23" s="23" customFormat="1" ht="20" customHeight="1">
      <c r="A20" s="17">
        <v>113310004</v>
      </c>
      <c r="B20" s="18"/>
      <c r="C20" s="19" t="s">
        <v>139</v>
      </c>
      <c r="D20" s="22" t="s">
        <v>136</v>
      </c>
      <c r="E20" s="18" t="s">
        <v>44</v>
      </c>
      <c r="F20" s="20" t="s">
        <v>140</v>
      </c>
      <c r="G20" s="18" t="s">
        <v>104</v>
      </c>
      <c r="H20" s="21"/>
      <c r="I20" s="21"/>
      <c r="J20" s="21" t="s">
        <v>108</v>
      </c>
      <c r="K20" s="21" t="s">
        <v>141</v>
      </c>
      <c r="L20" s="21"/>
      <c r="M20" s="21"/>
      <c r="N20" s="21" t="s">
        <v>142</v>
      </c>
      <c r="O20" s="21" t="s">
        <v>124</v>
      </c>
      <c r="P20" s="21">
        <v>50</v>
      </c>
      <c r="Q20" s="21">
        <v>50</v>
      </c>
      <c r="R20" s="21" t="s">
        <v>36</v>
      </c>
      <c r="S20" s="21"/>
      <c r="T20" s="21" t="s">
        <v>31</v>
      </c>
      <c r="U20" s="21"/>
      <c r="V20" s="22" t="s">
        <v>37</v>
      </c>
      <c r="W20" s="21" t="s">
        <v>143</v>
      </c>
    </row>
    <row r="21" spans="1:23" s="23" customFormat="1" ht="20" customHeight="1">
      <c r="A21" s="17">
        <v>563310009</v>
      </c>
      <c r="B21" s="18" t="s">
        <v>144</v>
      </c>
      <c r="C21" s="19" t="s">
        <v>145</v>
      </c>
      <c r="D21" s="22" t="s">
        <v>136</v>
      </c>
      <c r="E21" s="18" t="s">
        <v>80</v>
      </c>
      <c r="F21" s="20" t="s">
        <v>146</v>
      </c>
      <c r="G21" s="18" t="s">
        <v>147</v>
      </c>
      <c r="H21" s="21"/>
      <c r="I21" s="21"/>
      <c r="J21" s="21" t="s">
        <v>108</v>
      </c>
      <c r="K21" s="21" t="s">
        <v>148</v>
      </c>
      <c r="L21" s="21" t="s">
        <v>97</v>
      </c>
      <c r="M21" s="21"/>
      <c r="N21" s="21" t="s">
        <v>149</v>
      </c>
      <c r="O21" s="21" t="s">
        <v>150</v>
      </c>
      <c r="P21" s="21">
        <v>70</v>
      </c>
      <c r="Q21" s="21">
        <v>100</v>
      </c>
      <c r="R21" s="21" t="s">
        <v>36</v>
      </c>
      <c r="S21" s="21"/>
      <c r="T21" s="21" t="s">
        <v>31</v>
      </c>
      <c r="U21" s="21"/>
      <c r="V21" s="22" t="s">
        <v>37</v>
      </c>
      <c r="W21" s="21" t="s">
        <v>151</v>
      </c>
    </row>
    <row r="22" spans="1:23" s="23" customFormat="1" ht="19.899999999999999" customHeight="1">
      <c r="A22" s="17">
        <v>563320006</v>
      </c>
      <c r="B22" s="18" t="s">
        <v>144</v>
      </c>
      <c r="C22" s="19" t="s">
        <v>152</v>
      </c>
      <c r="D22" s="23" t="s">
        <v>269</v>
      </c>
      <c r="E22" s="18" t="s">
        <v>153</v>
      </c>
      <c r="F22" s="20" t="s">
        <v>154</v>
      </c>
      <c r="G22" s="18" t="s">
        <v>155</v>
      </c>
      <c r="H22" s="21"/>
      <c r="I22" s="21"/>
      <c r="J22" s="21" t="s">
        <v>47</v>
      </c>
      <c r="K22" s="21" t="s">
        <v>148</v>
      </c>
      <c r="L22" s="21"/>
      <c r="M22" s="21"/>
      <c r="N22" s="21" t="s">
        <v>149</v>
      </c>
      <c r="O22" s="21" t="s">
        <v>150</v>
      </c>
      <c r="P22" s="21">
        <v>31.5</v>
      </c>
      <c r="Q22" s="21">
        <v>45</v>
      </c>
      <c r="R22" s="21" t="s">
        <v>36</v>
      </c>
      <c r="S22" s="21"/>
      <c r="T22" s="21" t="s">
        <v>31</v>
      </c>
      <c r="U22" s="21"/>
      <c r="V22" s="22" t="s">
        <v>37</v>
      </c>
      <c r="W22" s="21" t="s">
        <v>151</v>
      </c>
    </row>
    <row r="23" spans="1:23" s="23" customFormat="1" ht="19.899999999999999" customHeight="1">
      <c r="A23" s="17">
        <v>563310007</v>
      </c>
      <c r="B23" s="18"/>
      <c r="C23" s="19" t="s">
        <v>156</v>
      </c>
      <c r="D23" s="22" t="s">
        <v>136</v>
      </c>
      <c r="E23" s="18" t="s">
        <v>157</v>
      </c>
      <c r="F23" s="20" t="s">
        <v>158</v>
      </c>
      <c r="G23" s="18" t="s">
        <v>159</v>
      </c>
      <c r="H23" s="21"/>
      <c r="I23" s="21" t="s">
        <v>160</v>
      </c>
      <c r="J23" s="21"/>
      <c r="K23" s="21" t="s">
        <v>161</v>
      </c>
      <c r="L23" s="21"/>
      <c r="M23" s="21"/>
      <c r="N23" s="21" t="s">
        <v>149</v>
      </c>
      <c r="O23" s="21" t="s">
        <v>150</v>
      </c>
      <c r="P23" s="21">
        <v>70</v>
      </c>
      <c r="Q23" s="21">
        <v>100</v>
      </c>
      <c r="R23" s="21" t="s">
        <v>36</v>
      </c>
      <c r="S23" s="21"/>
      <c r="T23" s="21" t="s">
        <v>31</v>
      </c>
      <c r="U23" s="21"/>
      <c r="V23" s="22" t="s">
        <v>37</v>
      </c>
      <c r="W23" s="21" t="s">
        <v>151</v>
      </c>
    </row>
    <row r="24" spans="1:23" s="23" customFormat="1" ht="19.899999999999999" customHeight="1">
      <c r="A24" s="17">
        <v>563310008</v>
      </c>
      <c r="B24" s="18"/>
      <c r="C24" s="19" t="s">
        <v>162</v>
      </c>
      <c r="D24" s="22" t="s">
        <v>136</v>
      </c>
      <c r="E24" s="18" t="s">
        <v>157</v>
      </c>
      <c r="F24" s="20" t="s">
        <v>163</v>
      </c>
      <c r="G24" s="18" t="s">
        <v>159</v>
      </c>
      <c r="H24" s="21"/>
      <c r="I24" s="21" t="s">
        <v>160</v>
      </c>
      <c r="J24" s="21"/>
      <c r="K24" s="24" t="s">
        <v>161</v>
      </c>
      <c r="L24" s="21"/>
      <c r="M24" s="21"/>
      <c r="N24" s="21" t="s">
        <v>149</v>
      </c>
      <c r="O24" s="21" t="s">
        <v>150</v>
      </c>
      <c r="P24" s="21">
        <v>70</v>
      </c>
      <c r="Q24" s="21">
        <v>100</v>
      </c>
      <c r="R24" s="21" t="s">
        <v>36</v>
      </c>
      <c r="S24" s="21"/>
      <c r="T24" s="21" t="s">
        <v>31</v>
      </c>
      <c r="U24" s="21"/>
      <c r="V24" s="22" t="s">
        <v>37</v>
      </c>
      <c r="W24" s="21" t="s">
        <v>151</v>
      </c>
    </row>
    <row r="25" spans="1:23" s="23" customFormat="1" ht="19.899999999999999" customHeight="1">
      <c r="A25" s="17">
        <v>553310019</v>
      </c>
      <c r="B25" s="18" t="s">
        <v>164</v>
      </c>
      <c r="C25" s="19" t="s">
        <v>165</v>
      </c>
      <c r="D25" s="22" t="s">
        <v>136</v>
      </c>
      <c r="E25" s="18" t="s">
        <v>157</v>
      </c>
      <c r="F25" s="20" t="s">
        <v>166</v>
      </c>
      <c r="G25" s="18" t="s">
        <v>167</v>
      </c>
      <c r="H25" s="21"/>
      <c r="I25" s="21" t="s">
        <v>160</v>
      </c>
      <c r="J25" s="21"/>
      <c r="K25" s="21" t="s">
        <v>168</v>
      </c>
      <c r="L25" s="21"/>
      <c r="M25" s="21"/>
      <c r="N25" s="21" t="s">
        <v>169</v>
      </c>
      <c r="O25" s="21" t="s">
        <v>170</v>
      </c>
      <c r="P25" s="21">
        <v>25</v>
      </c>
      <c r="Q25" s="21">
        <v>35</v>
      </c>
      <c r="R25" s="21" t="s">
        <v>36</v>
      </c>
      <c r="S25" s="21"/>
      <c r="T25" s="21" t="s">
        <v>31</v>
      </c>
      <c r="U25" s="21"/>
      <c r="V25" s="22" t="s">
        <v>37</v>
      </c>
      <c r="W25" s="21" t="s">
        <v>171</v>
      </c>
    </row>
    <row r="26" spans="1:23" s="23" customFormat="1" ht="19.899999999999999" customHeight="1">
      <c r="A26" s="17">
        <v>886310002</v>
      </c>
      <c r="B26" s="18" t="s">
        <v>172</v>
      </c>
      <c r="C26" s="19" t="s">
        <v>173</v>
      </c>
      <c r="D26" s="22" t="s">
        <v>136</v>
      </c>
      <c r="E26" s="18" t="s">
        <v>174</v>
      </c>
      <c r="F26" s="18" t="s">
        <v>175</v>
      </c>
      <c r="G26" s="18" t="s">
        <v>176</v>
      </c>
      <c r="H26" s="21"/>
      <c r="I26" s="21"/>
      <c r="J26" s="21" t="s">
        <v>47</v>
      </c>
      <c r="K26" s="21" t="s">
        <v>72</v>
      </c>
      <c r="L26" s="21"/>
      <c r="M26" s="21"/>
      <c r="N26" s="21" t="s">
        <v>149</v>
      </c>
      <c r="O26" s="21" t="s">
        <v>177</v>
      </c>
      <c r="P26" s="21">
        <v>200</v>
      </c>
      <c r="Q26" s="21">
        <v>300</v>
      </c>
      <c r="R26" s="21" t="s">
        <v>36</v>
      </c>
      <c r="S26" s="21"/>
      <c r="T26" s="21" t="s">
        <v>31</v>
      </c>
      <c r="U26" s="21"/>
      <c r="V26" s="22" t="s">
        <v>37</v>
      </c>
      <c r="W26" s="21" t="s">
        <v>270</v>
      </c>
    </row>
    <row r="27" spans="1:23" s="23" customFormat="1" ht="19.899999999999999" customHeight="1">
      <c r="A27" s="17">
        <v>345320017</v>
      </c>
      <c r="B27" s="18" t="s">
        <v>178</v>
      </c>
      <c r="C27" s="19" t="s">
        <v>179</v>
      </c>
      <c r="D27" s="23" t="s">
        <v>269</v>
      </c>
      <c r="E27" s="18" t="s">
        <v>55</v>
      </c>
      <c r="F27" s="18" t="s">
        <v>180</v>
      </c>
      <c r="G27" s="18" t="s">
        <v>181</v>
      </c>
      <c r="H27" s="21"/>
      <c r="I27" s="21"/>
      <c r="J27" s="21" t="s">
        <v>108</v>
      </c>
      <c r="K27" s="21" t="s">
        <v>182</v>
      </c>
      <c r="L27" s="21"/>
      <c r="M27" s="21"/>
      <c r="N27" s="21" t="s">
        <v>41</v>
      </c>
      <c r="O27" s="21" t="s">
        <v>134</v>
      </c>
      <c r="P27" s="21">
        <v>80</v>
      </c>
      <c r="Q27" s="21">
        <v>120</v>
      </c>
      <c r="R27" s="21" t="s">
        <v>36</v>
      </c>
      <c r="S27" s="21"/>
      <c r="T27" s="21" t="s">
        <v>31</v>
      </c>
      <c r="U27" s="21"/>
      <c r="V27" s="22" t="s">
        <v>37</v>
      </c>
      <c r="W27" s="21" t="s">
        <v>183</v>
      </c>
    </row>
    <row r="28" spans="1:23" s="23" customFormat="1" ht="19.899999999999999" customHeight="1">
      <c r="A28" s="17">
        <v>345330018</v>
      </c>
      <c r="B28" s="18"/>
      <c r="C28" s="19" t="s">
        <v>184</v>
      </c>
      <c r="D28" s="23" t="s">
        <v>135</v>
      </c>
      <c r="E28" s="18" t="s">
        <v>86</v>
      </c>
      <c r="F28" s="18" t="s">
        <v>185</v>
      </c>
      <c r="G28" s="18" t="s">
        <v>186</v>
      </c>
      <c r="H28" s="21"/>
      <c r="I28" s="21"/>
      <c r="J28" s="21" t="s">
        <v>138</v>
      </c>
      <c r="K28" s="21" t="s">
        <v>187</v>
      </c>
      <c r="L28" s="21"/>
      <c r="M28" s="21"/>
      <c r="N28" s="21" t="s">
        <v>188</v>
      </c>
      <c r="O28" s="21" t="s">
        <v>189</v>
      </c>
      <c r="P28" s="21">
        <v>70</v>
      </c>
      <c r="Q28" s="21">
        <v>100</v>
      </c>
      <c r="R28" s="21" t="s">
        <v>36</v>
      </c>
      <c r="S28" s="21"/>
      <c r="T28" s="21" t="s">
        <v>31</v>
      </c>
      <c r="U28" s="21"/>
      <c r="V28" s="22" t="s">
        <v>37</v>
      </c>
      <c r="W28" s="21" t="s">
        <v>190</v>
      </c>
    </row>
    <row r="29" spans="1:23" s="23" customFormat="1" ht="19.899999999999999" customHeight="1">
      <c r="A29" s="17">
        <v>771320010</v>
      </c>
      <c r="B29" s="18" t="s">
        <v>191</v>
      </c>
      <c r="C29" s="19" t="s">
        <v>192</v>
      </c>
      <c r="D29" s="23" t="s">
        <v>269</v>
      </c>
      <c r="E29" s="18" t="s">
        <v>55</v>
      </c>
      <c r="F29" s="20" t="s">
        <v>193</v>
      </c>
      <c r="G29" s="18" t="s">
        <v>194</v>
      </c>
      <c r="H29" s="21"/>
      <c r="I29" s="21"/>
      <c r="J29" s="21" t="s">
        <v>47</v>
      </c>
      <c r="K29" s="24" t="s">
        <v>195</v>
      </c>
      <c r="L29" s="21"/>
      <c r="M29" s="21"/>
      <c r="N29" s="21" t="s">
        <v>30</v>
      </c>
      <c r="O29" s="21" t="s">
        <v>100</v>
      </c>
      <c r="P29" s="24" t="s">
        <v>196</v>
      </c>
      <c r="Q29" s="21">
        <v>105</v>
      </c>
      <c r="R29" s="21" t="s">
        <v>36</v>
      </c>
      <c r="S29" s="21"/>
      <c r="T29" s="21" t="s">
        <v>52</v>
      </c>
      <c r="U29" s="21"/>
      <c r="V29" s="22" t="s">
        <v>37</v>
      </c>
      <c r="W29" s="21" t="s">
        <v>197</v>
      </c>
    </row>
    <row r="30" spans="1:23" s="23" customFormat="1" ht="19.899999999999999" customHeight="1">
      <c r="A30" s="17">
        <v>771320011</v>
      </c>
      <c r="B30" s="18" t="s">
        <v>191</v>
      </c>
      <c r="C30" s="19" t="s">
        <v>198</v>
      </c>
      <c r="D30" s="23" t="s">
        <v>269</v>
      </c>
      <c r="E30" s="18" t="s">
        <v>55</v>
      </c>
      <c r="F30" s="20" t="s">
        <v>193</v>
      </c>
      <c r="G30" s="18" t="s">
        <v>194</v>
      </c>
      <c r="H30" s="21"/>
      <c r="I30" s="21"/>
      <c r="J30" s="21" t="s">
        <v>47</v>
      </c>
      <c r="K30" s="24" t="s">
        <v>195</v>
      </c>
      <c r="L30" s="21"/>
      <c r="M30" s="21"/>
      <c r="N30" s="21" t="s">
        <v>30</v>
      </c>
      <c r="O30" s="21" t="s">
        <v>100</v>
      </c>
      <c r="P30" s="24" t="s">
        <v>196</v>
      </c>
      <c r="Q30" s="21">
        <v>105</v>
      </c>
      <c r="R30" s="21" t="s">
        <v>36</v>
      </c>
      <c r="S30" s="21"/>
      <c r="T30" s="21" t="s">
        <v>52</v>
      </c>
      <c r="U30" s="21"/>
      <c r="V30" s="22" t="s">
        <v>37</v>
      </c>
      <c r="W30" s="21" t="s">
        <v>197</v>
      </c>
    </row>
    <row r="31" spans="1:23" s="23" customFormat="1" ht="19.899999999999999" customHeight="1">
      <c r="A31" s="17">
        <v>555320008</v>
      </c>
      <c r="B31" s="20" t="s">
        <v>199</v>
      </c>
      <c r="C31" s="19" t="s">
        <v>200</v>
      </c>
      <c r="D31" s="23" t="s">
        <v>269</v>
      </c>
      <c r="E31" s="18" t="s">
        <v>55</v>
      </c>
      <c r="F31" s="18" t="s">
        <v>201</v>
      </c>
      <c r="G31" s="18" t="s">
        <v>202</v>
      </c>
      <c r="H31" s="21"/>
      <c r="I31" s="21"/>
      <c r="J31" s="21" t="s">
        <v>47</v>
      </c>
      <c r="K31" s="21" t="s">
        <v>203</v>
      </c>
      <c r="L31" s="21" t="s">
        <v>148</v>
      </c>
      <c r="M31" s="21"/>
      <c r="N31" s="21" t="s">
        <v>41</v>
      </c>
      <c r="O31" s="21" t="s">
        <v>100</v>
      </c>
      <c r="P31" s="21">
        <v>95</v>
      </c>
      <c r="Q31" s="21">
        <v>130</v>
      </c>
      <c r="R31" s="21" t="s">
        <v>36</v>
      </c>
      <c r="S31" s="21"/>
      <c r="T31" s="21" t="s">
        <v>31</v>
      </c>
      <c r="U31" s="21"/>
      <c r="V31" s="22" t="s">
        <v>37</v>
      </c>
      <c r="W31" s="21" t="s">
        <v>204</v>
      </c>
    </row>
    <row r="32" spans="1:23" s="23" customFormat="1" ht="19.899999999999999" customHeight="1">
      <c r="A32" s="17">
        <v>555320010</v>
      </c>
      <c r="B32" s="20" t="s">
        <v>199</v>
      </c>
      <c r="C32" s="19" t="s">
        <v>205</v>
      </c>
      <c r="D32" s="23" t="s">
        <v>269</v>
      </c>
      <c r="E32" s="18" t="s">
        <v>55</v>
      </c>
      <c r="F32" s="18" t="s">
        <v>201</v>
      </c>
      <c r="G32" s="18" t="s">
        <v>167</v>
      </c>
      <c r="H32" s="21"/>
      <c r="I32" s="21"/>
      <c r="J32" s="21" t="s">
        <v>47</v>
      </c>
      <c r="K32" s="21" t="s">
        <v>206</v>
      </c>
      <c r="L32" s="21" t="s">
        <v>148</v>
      </c>
      <c r="M32" s="21"/>
      <c r="N32" s="21" t="s">
        <v>41</v>
      </c>
      <c r="O32" s="21" t="s">
        <v>100</v>
      </c>
      <c r="P32" s="21">
        <v>95</v>
      </c>
      <c r="Q32" s="21">
        <v>130</v>
      </c>
      <c r="R32" s="21" t="s">
        <v>36</v>
      </c>
      <c r="S32" s="21"/>
      <c r="T32" s="21" t="s">
        <v>31</v>
      </c>
      <c r="U32" s="21"/>
      <c r="V32" s="22" t="s">
        <v>37</v>
      </c>
      <c r="W32" s="21" t="s">
        <v>204</v>
      </c>
    </row>
    <row r="33" spans="1:23" s="23" customFormat="1" ht="19.899999999999999" customHeight="1">
      <c r="A33" s="17">
        <v>555320006</v>
      </c>
      <c r="B33" s="20" t="s">
        <v>199</v>
      </c>
      <c r="C33" s="19" t="s">
        <v>207</v>
      </c>
      <c r="D33" s="23" t="s">
        <v>269</v>
      </c>
      <c r="E33" s="18" t="s">
        <v>55</v>
      </c>
      <c r="F33" s="18" t="s">
        <v>201</v>
      </c>
      <c r="G33" s="18" t="s">
        <v>202</v>
      </c>
      <c r="H33" s="21"/>
      <c r="I33" s="21"/>
      <c r="J33" s="21" t="s">
        <v>47</v>
      </c>
      <c r="K33" s="21" t="s">
        <v>206</v>
      </c>
      <c r="L33" s="21" t="s">
        <v>148</v>
      </c>
      <c r="M33" s="21"/>
      <c r="N33" s="21" t="s">
        <v>41</v>
      </c>
      <c r="O33" s="21" t="s">
        <v>100</v>
      </c>
      <c r="P33" s="21">
        <v>95</v>
      </c>
      <c r="Q33" s="21">
        <v>130</v>
      </c>
      <c r="R33" s="21" t="s">
        <v>36</v>
      </c>
      <c r="S33" s="21"/>
      <c r="T33" s="21" t="s">
        <v>31</v>
      </c>
      <c r="U33" s="21"/>
      <c r="V33" s="22" t="s">
        <v>37</v>
      </c>
      <c r="W33" s="21" t="s">
        <v>204</v>
      </c>
    </row>
    <row r="34" spans="1:23" s="23" customFormat="1" ht="19.899999999999999" customHeight="1">
      <c r="A34" s="17">
        <v>770310027</v>
      </c>
      <c r="B34" s="18" t="s">
        <v>208</v>
      </c>
      <c r="C34" s="19" t="s">
        <v>209</v>
      </c>
      <c r="D34" s="22" t="s">
        <v>136</v>
      </c>
      <c r="E34" s="18" t="s">
        <v>174</v>
      </c>
      <c r="F34" s="18" t="s">
        <v>210</v>
      </c>
      <c r="G34" s="18" t="s">
        <v>159</v>
      </c>
      <c r="H34" s="21"/>
      <c r="I34" s="21"/>
      <c r="J34" s="21" t="s">
        <v>108</v>
      </c>
      <c r="K34" s="24" t="s">
        <v>211</v>
      </c>
      <c r="L34" s="21"/>
      <c r="M34" s="21"/>
      <c r="N34" s="24" t="s">
        <v>212</v>
      </c>
      <c r="O34" s="25" t="s">
        <v>213</v>
      </c>
      <c r="P34" s="21">
        <v>280</v>
      </c>
      <c r="Q34" s="21">
        <v>350</v>
      </c>
      <c r="R34" s="21" t="s">
        <v>90</v>
      </c>
      <c r="S34" s="21"/>
      <c r="T34" s="21" t="s">
        <v>52</v>
      </c>
      <c r="U34" s="21"/>
      <c r="V34" s="22" t="s">
        <v>37</v>
      </c>
      <c r="W34" s="21" t="s">
        <v>271</v>
      </c>
    </row>
    <row r="35" spans="1:23" s="23" customFormat="1" ht="19.899999999999999" customHeight="1">
      <c r="A35" s="17">
        <v>550320017</v>
      </c>
      <c r="B35" s="18" t="s">
        <v>214</v>
      </c>
      <c r="C35" s="19" t="s">
        <v>215</v>
      </c>
      <c r="D35" s="23" t="s">
        <v>269</v>
      </c>
      <c r="E35" s="18" t="s">
        <v>55</v>
      </c>
      <c r="F35" s="20" t="s">
        <v>216</v>
      </c>
      <c r="G35" s="18" t="s">
        <v>217</v>
      </c>
      <c r="H35" s="21"/>
      <c r="I35" s="21"/>
      <c r="J35" s="21" t="s">
        <v>47</v>
      </c>
      <c r="K35" s="24" t="s">
        <v>218</v>
      </c>
      <c r="L35" s="21"/>
      <c r="M35" s="21"/>
      <c r="N35" s="21" t="s">
        <v>219</v>
      </c>
      <c r="O35" s="21" t="s">
        <v>64</v>
      </c>
      <c r="P35" s="21">
        <v>180</v>
      </c>
      <c r="Q35" s="21">
        <v>300</v>
      </c>
      <c r="R35" s="21" t="s">
        <v>36</v>
      </c>
      <c r="S35" s="21"/>
      <c r="T35" s="21" t="s">
        <v>31</v>
      </c>
      <c r="U35" s="21"/>
      <c r="V35" s="22" t="s">
        <v>37</v>
      </c>
      <c r="W35" s="21" t="s">
        <v>220</v>
      </c>
    </row>
    <row r="36" spans="1:23" s="23" customFormat="1" ht="19.899999999999999" customHeight="1">
      <c r="A36" s="17">
        <v>777110026</v>
      </c>
      <c r="B36" s="18" t="s">
        <v>221</v>
      </c>
      <c r="C36" s="19" t="s">
        <v>222</v>
      </c>
      <c r="D36" s="22" t="s">
        <v>136</v>
      </c>
      <c r="E36" s="18" t="s">
        <v>55</v>
      </c>
      <c r="F36" s="18" t="s">
        <v>223</v>
      </c>
      <c r="G36" s="18" t="s">
        <v>224</v>
      </c>
      <c r="H36" s="21"/>
      <c r="I36" s="21" t="s">
        <v>160</v>
      </c>
      <c r="J36" s="21"/>
      <c r="K36" s="24" t="s">
        <v>225</v>
      </c>
      <c r="L36" s="21"/>
      <c r="M36" s="21"/>
      <c r="N36" s="21" t="s">
        <v>226</v>
      </c>
      <c r="O36" s="21" t="s">
        <v>227</v>
      </c>
      <c r="P36" s="21">
        <v>35</v>
      </c>
      <c r="Q36" s="21">
        <v>55</v>
      </c>
      <c r="R36" s="21" t="s">
        <v>90</v>
      </c>
      <c r="S36" s="21"/>
      <c r="T36" s="21" t="s">
        <v>76</v>
      </c>
      <c r="U36" s="21"/>
      <c r="V36" s="22" t="s">
        <v>37</v>
      </c>
      <c r="W36" s="21" t="s">
        <v>228</v>
      </c>
    </row>
    <row r="37" spans="1:23" s="23" customFormat="1" ht="19.899999999999999" customHeight="1">
      <c r="A37" s="17">
        <v>777110027</v>
      </c>
      <c r="B37" s="18" t="s">
        <v>221</v>
      </c>
      <c r="C37" s="19" t="s">
        <v>229</v>
      </c>
      <c r="D37" s="22" t="s">
        <v>136</v>
      </c>
      <c r="E37" s="18" t="s">
        <v>55</v>
      </c>
      <c r="F37" s="18" t="s">
        <v>223</v>
      </c>
      <c r="G37" s="18" t="s">
        <v>230</v>
      </c>
      <c r="H37" s="21"/>
      <c r="I37" s="21" t="s">
        <v>160</v>
      </c>
      <c r="J37" s="21"/>
      <c r="K37" s="24" t="s">
        <v>225</v>
      </c>
      <c r="L37" s="21"/>
      <c r="M37" s="21"/>
      <c r="N37" s="21" t="s">
        <v>226</v>
      </c>
      <c r="O37" s="21" t="s">
        <v>227</v>
      </c>
      <c r="P37" s="21">
        <v>35</v>
      </c>
      <c r="Q37" s="21">
        <v>50</v>
      </c>
      <c r="R37" s="21" t="s">
        <v>90</v>
      </c>
      <c r="S37" s="21"/>
      <c r="T37" s="21" t="s">
        <v>76</v>
      </c>
      <c r="U37" s="21"/>
      <c r="V37" s="22" t="s">
        <v>37</v>
      </c>
      <c r="W37" s="21" t="s">
        <v>228</v>
      </c>
    </row>
    <row r="38" spans="1:23" s="23" customFormat="1" ht="19.899999999999999" customHeight="1">
      <c r="A38" s="17">
        <v>777310028</v>
      </c>
      <c r="B38" s="18" t="s">
        <v>231</v>
      </c>
      <c r="C38" s="19" t="s">
        <v>232</v>
      </c>
      <c r="D38" s="22" t="s">
        <v>136</v>
      </c>
      <c r="E38" s="18" t="s">
        <v>55</v>
      </c>
      <c r="F38" s="20" t="s">
        <v>233</v>
      </c>
      <c r="G38" s="18" t="s">
        <v>234</v>
      </c>
      <c r="H38" s="21"/>
      <c r="I38" s="21" t="s">
        <v>160</v>
      </c>
      <c r="J38" s="21"/>
      <c r="K38" s="24" t="s">
        <v>225</v>
      </c>
      <c r="L38" s="21"/>
      <c r="M38" s="21"/>
      <c r="N38" s="21" t="s">
        <v>226</v>
      </c>
      <c r="O38" s="21" t="s">
        <v>227</v>
      </c>
      <c r="P38" s="21">
        <v>35</v>
      </c>
      <c r="Q38" s="21">
        <v>45</v>
      </c>
      <c r="R38" s="21" t="s">
        <v>90</v>
      </c>
      <c r="S38" s="21"/>
      <c r="T38" s="21" t="s">
        <v>76</v>
      </c>
      <c r="U38" s="21"/>
      <c r="V38" s="22" t="s">
        <v>37</v>
      </c>
      <c r="W38" s="21" t="s">
        <v>228</v>
      </c>
    </row>
    <row r="39" spans="1:23" s="23" customFormat="1" ht="19.899999999999999" customHeight="1">
      <c r="A39" s="17">
        <v>777310012</v>
      </c>
      <c r="B39" s="18" t="s">
        <v>235</v>
      </c>
      <c r="C39" s="19" t="s">
        <v>236</v>
      </c>
      <c r="D39" s="22" t="s">
        <v>136</v>
      </c>
      <c r="E39" s="18" t="s">
        <v>157</v>
      </c>
      <c r="F39" s="20" t="s">
        <v>237</v>
      </c>
      <c r="G39" s="18" t="s">
        <v>238</v>
      </c>
      <c r="H39" s="21"/>
      <c r="I39" s="21" t="s">
        <v>160</v>
      </c>
      <c r="J39" s="21"/>
      <c r="K39" s="24" t="s">
        <v>225</v>
      </c>
      <c r="L39" s="21"/>
      <c r="M39" s="21"/>
      <c r="N39" s="21" t="s">
        <v>226</v>
      </c>
      <c r="O39" s="21" t="s">
        <v>227</v>
      </c>
      <c r="P39" s="21">
        <v>65</v>
      </c>
      <c r="Q39" s="21">
        <v>100</v>
      </c>
      <c r="R39" s="21" t="s">
        <v>36</v>
      </c>
      <c r="S39" s="21"/>
      <c r="T39" s="21" t="s">
        <v>76</v>
      </c>
      <c r="U39" s="21"/>
      <c r="V39" s="22" t="s">
        <v>37</v>
      </c>
      <c r="W39" s="21" t="s">
        <v>228</v>
      </c>
    </row>
    <row r="40" spans="1:23" s="23" customFormat="1" ht="19.899999999999999" customHeight="1">
      <c r="A40" s="17">
        <v>777310013</v>
      </c>
      <c r="B40" s="18" t="s">
        <v>235</v>
      </c>
      <c r="C40" s="19" t="s">
        <v>239</v>
      </c>
      <c r="D40" s="22" t="s">
        <v>136</v>
      </c>
      <c r="E40" s="18" t="s">
        <v>157</v>
      </c>
      <c r="F40" s="20" t="s">
        <v>237</v>
      </c>
      <c r="G40" s="18" t="s">
        <v>238</v>
      </c>
      <c r="H40" s="21"/>
      <c r="I40" s="21" t="s">
        <v>160</v>
      </c>
      <c r="J40" s="21"/>
      <c r="K40" s="24" t="s">
        <v>225</v>
      </c>
      <c r="L40" s="21"/>
      <c r="M40" s="21"/>
      <c r="N40" s="21" t="s">
        <v>226</v>
      </c>
      <c r="O40" s="21" t="s">
        <v>227</v>
      </c>
      <c r="P40" s="21">
        <v>65</v>
      </c>
      <c r="Q40" s="21">
        <v>100</v>
      </c>
      <c r="R40" s="21" t="s">
        <v>36</v>
      </c>
      <c r="S40" s="21"/>
      <c r="T40" s="21" t="s">
        <v>76</v>
      </c>
      <c r="U40" s="21"/>
      <c r="V40" s="22" t="s">
        <v>37</v>
      </c>
      <c r="W40" s="21" t="s">
        <v>228</v>
      </c>
    </row>
    <row r="41" spans="1:23" s="23" customFormat="1" ht="19.899999999999999" customHeight="1">
      <c r="A41" s="17">
        <v>777310015</v>
      </c>
      <c r="B41" s="18" t="s">
        <v>235</v>
      </c>
      <c r="C41" s="19" t="s">
        <v>240</v>
      </c>
      <c r="D41" s="22" t="s">
        <v>136</v>
      </c>
      <c r="E41" s="18" t="s">
        <v>157</v>
      </c>
      <c r="F41" s="20" t="s">
        <v>237</v>
      </c>
      <c r="G41" s="18" t="s">
        <v>238</v>
      </c>
      <c r="H41" s="21"/>
      <c r="I41" s="21" t="s">
        <v>160</v>
      </c>
      <c r="J41" s="21"/>
      <c r="K41" s="24" t="s">
        <v>225</v>
      </c>
      <c r="L41" s="21"/>
      <c r="M41" s="21"/>
      <c r="N41" s="21" t="s">
        <v>226</v>
      </c>
      <c r="O41" s="21" t="s">
        <v>227</v>
      </c>
      <c r="P41" s="21">
        <v>65</v>
      </c>
      <c r="Q41" s="21">
        <v>100</v>
      </c>
      <c r="R41" s="21" t="s">
        <v>36</v>
      </c>
      <c r="S41" s="21"/>
      <c r="T41" s="21" t="s">
        <v>76</v>
      </c>
      <c r="U41" s="21"/>
      <c r="V41" s="22" t="s">
        <v>37</v>
      </c>
      <c r="W41" s="21" t="s">
        <v>228</v>
      </c>
    </row>
    <row r="42" spans="1:23" s="23" customFormat="1" ht="19.899999999999999" customHeight="1">
      <c r="A42" s="17">
        <v>777310016</v>
      </c>
      <c r="B42" s="18" t="s">
        <v>235</v>
      </c>
      <c r="C42" s="19" t="s">
        <v>241</v>
      </c>
      <c r="D42" s="22" t="s">
        <v>136</v>
      </c>
      <c r="E42" s="18" t="s">
        <v>157</v>
      </c>
      <c r="F42" s="20" t="s">
        <v>237</v>
      </c>
      <c r="G42" s="18" t="s">
        <v>238</v>
      </c>
      <c r="H42" s="21"/>
      <c r="I42" s="21" t="s">
        <v>160</v>
      </c>
      <c r="J42" s="21"/>
      <c r="K42" s="24" t="s">
        <v>225</v>
      </c>
      <c r="L42" s="21"/>
      <c r="M42" s="21"/>
      <c r="N42" s="21" t="s">
        <v>226</v>
      </c>
      <c r="O42" s="21" t="s">
        <v>227</v>
      </c>
      <c r="P42" s="21">
        <v>65</v>
      </c>
      <c r="Q42" s="21">
        <v>100</v>
      </c>
      <c r="R42" s="21" t="s">
        <v>36</v>
      </c>
      <c r="S42" s="21"/>
      <c r="T42" s="21" t="s">
        <v>76</v>
      </c>
      <c r="U42" s="21"/>
      <c r="V42" s="22" t="s">
        <v>37</v>
      </c>
      <c r="W42" s="21" t="s">
        <v>228</v>
      </c>
    </row>
    <row r="43" spans="1:23" s="23" customFormat="1" ht="19.899999999999999" customHeight="1">
      <c r="A43" s="17">
        <v>777310025</v>
      </c>
      <c r="B43" s="18" t="s">
        <v>235</v>
      </c>
      <c r="C43" s="19" t="s">
        <v>242</v>
      </c>
      <c r="D43" s="22" t="s">
        <v>136</v>
      </c>
      <c r="E43" s="18" t="s">
        <v>157</v>
      </c>
      <c r="F43" s="20" t="s">
        <v>237</v>
      </c>
      <c r="G43" s="18" t="s">
        <v>238</v>
      </c>
      <c r="H43" s="21"/>
      <c r="I43" s="21" t="s">
        <v>160</v>
      </c>
      <c r="J43" s="21"/>
      <c r="K43" s="24" t="s">
        <v>225</v>
      </c>
      <c r="L43" s="21"/>
      <c r="M43" s="21"/>
      <c r="N43" s="21" t="s">
        <v>226</v>
      </c>
      <c r="O43" s="21" t="s">
        <v>227</v>
      </c>
      <c r="P43" s="21">
        <v>65</v>
      </c>
      <c r="Q43" s="21">
        <v>100</v>
      </c>
      <c r="R43" s="21" t="s">
        <v>36</v>
      </c>
      <c r="S43" s="21"/>
      <c r="T43" s="21" t="s">
        <v>76</v>
      </c>
      <c r="U43" s="21"/>
      <c r="V43" s="22" t="s">
        <v>37</v>
      </c>
      <c r="W43" s="21" t="s">
        <v>228</v>
      </c>
    </row>
    <row r="44" spans="1:23" s="23" customFormat="1" ht="19.899999999999999" customHeight="1">
      <c r="A44" s="17">
        <v>777110008</v>
      </c>
      <c r="B44" s="18"/>
      <c r="C44" s="19" t="s">
        <v>243</v>
      </c>
      <c r="D44" s="22" t="s">
        <v>136</v>
      </c>
      <c r="E44" s="18" t="s">
        <v>157</v>
      </c>
      <c r="F44" s="18" t="s">
        <v>244</v>
      </c>
      <c r="G44" s="18" t="s">
        <v>245</v>
      </c>
      <c r="H44" s="21"/>
      <c r="I44" s="21" t="s">
        <v>160</v>
      </c>
      <c r="J44" s="21"/>
      <c r="K44" s="24" t="s">
        <v>225</v>
      </c>
      <c r="L44" s="21"/>
      <c r="M44" s="21"/>
      <c r="N44" s="21" t="s">
        <v>226</v>
      </c>
      <c r="O44" s="21" t="s">
        <v>227</v>
      </c>
      <c r="P44" s="21">
        <v>35</v>
      </c>
      <c r="Q44" s="21">
        <v>55</v>
      </c>
      <c r="R44" s="21" t="s">
        <v>36</v>
      </c>
      <c r="S44" s="21"/>
      <c r="T44" s="21" t="s">
        <v>76</v>
      </c>
      <c r="U44" s="21"/>
      <c r="V44" s="22" t="s">
        <v>37</v>
      </c>
      <c r="W44" s="21" t="s">
        <v>228</v>
      </c>
    </row>
    <row r="45" spans="1:23" s="23" customFormat="1" ht="19.899999999999999" customHeight="1">
      <c r="A45" s="17">
        <v>777110014</v>
      </c>
      <c r="B45" s="18"/>
      <c r="C45" s="19" t="s">
        <v>246</v>
      </c>
      <c r="D45" s="22" t="s">
        <v>136</v>
      </c>
      <c r="E45" s="18" t="s">
        <v>157</v>
      </c>
      <c r="F45" s="20" t="s">
        <v>247</v>
      </c>
      <c r="G45" s="18" t="s">
        <v>248</v>
      </c>
      <c r="H45" s="21"/>
      <c r="I45" s="21" t="s">
        <v>160</v>
      </c>
      <c r="J45" s="21"/>
      <c r="K45" s="24" t="s">
        <v>225</v>
      </c>
      <c r="L45" s="21"/>
      <c r="M45" s="21"/>
      <c r="N45" s="21" t="s">
        <v>226</v>
      </c>
      <c r="O45" s="21" t="s">
        <v>227</v>
      </c>
      <c r="P45" s="21">
        <v>35</v>
      </c>
      <c r="Q45" s="21">
        <v>55</v>
      </c>
      <c r="R45" s="21" t="s">
        <v>36</v>
      </c>
      <c r="S45" s="21"/>
      <c r="T45" s="21" t="s">
        <v>76</v>
      </c>
      <c r="U45" s="21"/>
      <c r="V45" s="22" t="s">
        <v>37</v>
      </c>
      <c r="W45" s="21" t="s">
        <v>228</v>
      </c>
    </row>
    <row r="46" spans="1:23" s="23" customFormat="1" ht="19.899999999999999" customHeight="1">
      <c r="A46" s="17">
        <v>777110029</v>
      </c>
      <c r="B46" s="18" t="s">
        <v>249</v>
      </c>
      <c r="C46" s="19" t="s">
        <v>250</v>
      </c>
      <c r="D46" s="22" t="s">
        <v>136</v>
      </c>
      <c r="E46" s="18" t="s">
        <v>251</v>
      </c>
      <c r="F46" s="20" t="s">
        <v>252</v>
      </c>
      <c r="G46" s="18" t="s">
        <v>176</v>
      </c>
      <c r="H46" s="21"/>
      <c r="I46" s="21" t="s">
        <v>160</v>
      </c>
      <c r="J46" s="21"/>
      <c r="K46" s="24" t="s">
        <v>225</v>
      </c>
      <c r="L46" s="21"/>
      <c r="M46" s="21"/>
      <c r="N46" s="21" t="s">
        <v>226</v>
      </c>
      <c r="O46" s="21" t="s">
        <v>227</v>
      </c>
      <c r="P46" s="21">
        <v>200</v>
      </c>
      <c r="Q46" s="21">
        <v>250</v>
      </c>
      <c r="R46" s="21" t="s">
        <v>36</v>
      </c>
      <c r="S46" s="21"/>
      <c r="T46" s="21" t="s">
        <v>76</v>
      </c>
      <c r="U46" s="21"/>
      <c r="V46" s="22" t="s">
        <v>37</v>
      </c>
      <c r="W46" s="21" t="s">
        <v>228</v>
      </c>
    </row>
    <row r="47" spans="1:23" s="23" customFormat="1" ht="19.899999999999999" customHeight="1">
      <c r="A47" s="17">
        <v>890310007</v>
      </c>
      <c r="B47" s="18" t="s">
        <v>253</v>
      </c>
      <c r="C47" s="19" t="s">
        <v>254</v>
      </c>
      <c r="D47" s="22" t="s">
        <v>136</v>
      </c>
      <c r="E47" s="18" t="s">
        <v>157</v>
      </c>
      <c r="F47" s="18" t="s">
        <v>255</v>
      </c>
      <c r="G47" s="18" t="s">
        <v>256</v>
      </c>
      <c r="H47" s="21"/>
      <c r="I47" s="21"/>
      <c r="J47" s="21" t="s">
        <v>108</v>
      </c>
      <c r="K47" s="21" t="s">
        <v>48</v>
      </c>
      <c r="L47" s="21"/>
      <c r="M47" s="21"/>
      <c r="N47" s="21" t="s">
        <v>74</v>
      </c>
      <c r="O47" s="21" t="s">
        <v>64</v>
      </c>
      <c r="P47" s="21">
        <v>55</v>
      </c>
      <c r="Q47" s="21">
        <v>80</v>
      </c>
      <c r="R47" s="21" t="s">
        <v>90</v>
      </c>
      <c r="S47" s="21"/>
      <c r="T47" s="21" t="s">
        <v>31</v>
      </c>
      <c r="U47" s="21"/>
      <c r="V47" s="22" t="s">
        <v>37</v>
      </c>
      <c r="W47" s="21" t="s">
        <v>257</v>
      </c>
    </row>
    <row r="48" spans="1:23" s="23" customFormat="1" ht="19.899999999999999" customHeight="1">
      <c r="A48" s="17">
        <v>890310008</v>
      </c>
      <c r="B48" s="18" t="s">
        <v>253</v>
      </c>
      <c r="C48" s="19" t="s">
        <v>258</v>
      </c>
      <c r="D48" s="22" t="s">
        <v>136</v>
      </c>
      <c r="E48" s="18" t="s">
        <v>80</v>
      </c>
      <c r="F48" s="18" t="s">
        <v>259</v>
      </c>
      <c r="G48" s="18" t="s">
        <v>260</v>
      </c>
      <c r="H48" s="21"/>
      <c r="I48" s="21"/>
      <c r="J48" s="21" t="s">
        <v>108</v>
      </c>
      <c r="K48" s="21" t="s">
        <v>48</v>
      </c>
      <c r="L48" s="21"/>
      <c r="M48" s="21"/>
      <c r="N48" s="21" t="s">
        <v>74</v>
      </c>
      <c r="O48" s="21" t="s">
        <v>64</v>
      </c>
      <c r="P48" s="21">
        <v>140</v>
      </c>
      <c r="Q48" s="21">
        <v>200</v>
      </c>
      <c r="R48" s="21" t="s">
        <v>90</v>
      </c>
      <c r="S48" s="21"/>
      <c r="T48" s="21" t="s">
        <v>31</v>
      </c>
      <c r="U48" s="21"/>
      <c r="V48" s="22" t="s">
        <v>37</v>
      </c>
      <c r="W48" s="21" t="s">
        <v>257</v>
      </c>
    </row>
    <row r="49" spans="1:23" s="23" customFormat="1" ht="19.899999999999999" customHeight="1">
      <c r="A49" s="17">
        <v>556320021</v>
      </c>
      <c r="B49" s="20" t="s">
        <v>261</v>
      </c>
      <c r="C49" s="19" t="s">
        <v>262</v>
      </c>
      <c r="D49" s="23" t="s">
        <v>269</v>
      </c>
      <c r="E49" s="18" t="s">
        <v>80</v>
      </c>
      <c r="F49" s="20" t="s">
        <v>263</v>
      </c>
      <c r="G49" s="18" t="s">
        <v>264</v>
      </c>
      <c r="H49" s="21"/>
      <c r="I49" s="21"/>
      <c r="J49" s="21" t="s">
        <v>47</v>
      </c>
      <c r="K49" s="21" t="s">
        <v>195</v>
      </c>
      <c r="L49" s="21"/>
      <c r="M49" s="21"/>
      <c r="N49" s="21" t="s">
        <v>265</v>
      </c>
      <c r="O49" s="21" t="s">
        <v>134</v>
      </c>
      <c r="P49" s="21">
        <v>120</v>
      </c>
      <c r="Q49" s="21">
        <v>200</v>
      </c>
      <c r="R49" s="21" t="s">
        <v>36</v>
      </c>
      <c r="S49" s="21"/>
      <c r="T49" s="21" t="s">
        <v>31</v>
      </c>
      <c r="U49" s="21"/>
      <c r="V49" s="22" t="s">
        <v>37</v>
      </c>
      <c r="W49" s="21" t="s">
        <v>266</v>
      </c>
    </row>
    <row r="50" spans="1:23" s="23" customFormat="1" ht="19.899999999999999" customHeight="1">
      <c r="A50" s="17">
        <v>556320022</v>
      </c>
      <c r="B50" s="20" t="s">
        <v>261</v>
      </c>
      <c r="C50" s="19" t="s">
        <v>267</v>
      </c>
      <c r="D50" s="23" t="s">
        <v>269</v>
      </c>
      <c r="E50" s="18" t="s">
        <v>80</v>
      </c>
      <c r="F50" s="20" t="s">
        <v>268</v>
      </c>
      <c r="G50" s="18" t="s">
        <v>264</v>
      </c>
      <c r="H50" s="21"/>
      <c r="I50" s="21"/>
      <c r="J50" s="21" t="s">
        <v>47</v>
      </c>
      <c r="K50" s="21" t="s">
        <v>195</v>
      </c>
      <c r="L50" s="21"/>
      <c r="M50" s="21"/>
      <c r="N50" s="21" t="s">
        <v>265</v>
      </c>
      <c r="O50" s="21" t="s">
        <v>134</v>
      </c>
      <c r="P50" s="21">
        <v>120</v>
      </c>
      <c r="Q50" s="21">
        <v>200</v>
      </c>
      <c r="R50" s="21" t="s">
        <v>36</v>
      </c>
      <c r="S50" s="21"/>
      <c r="T50" s="21" t="s">
        <v>31</v>
      </c>
      <c r="U50" s="21"/>
      <c r="V50" s="22" t="s">
        <v>37</v>
      </c>
      <c r="W50" s="21" t="s">
        <v>266</v>
      </c>
    </row>
    <row r="51" spans="1:23" s="34" customFormat="1" ht="19.899999999999999" customHeight="1">
      <c r="A51" s="31">
        <v>617310001</v>
      </c>
      <c r="B51" s="32"/>
      <c r="C51" s="33" t="s">
        <v>272</v>
      </c>
      <c r="E51" s="32" t="s">
        <v>44</v>
      </c>
      <c r="F51" s="32"/>
      <c r="G51" s="32" t="s">
        <v>104</v>
      </c>
      <c r="H51" s="35"/>
      <c r="I51" s="35"/>
      <c r="J51" s="35" t="s">
        <v>108</v>
      </c>
      <c r="K51" s="35" t="s">
        <v>72</v>
      </c>
      <c r="L51" s="35"/>
      <c r="M51" s="35"/>
      <c r="N51" s="35" t="s">
        <v>273</v>
      </c>
      <c r="O51" s="35" t="s">
        <v>134</v>
      </c>
      <c r="P51" s="35">
        <v>78</v>
      </c>
      <c r="Q51" s="35">
        <v>90</v>
      </c>
      <c r="R51" s="35" t="s">
        <v>90</v>
      </c>
      <c r="S51" s="35"/>
      <c r="T51" s="35" t="s">
        <v>31</v>
      </c>
      <c r="U51" s="35"/>
      <c r="V51" s="36" t="s">
        <v>37</v>
      </c>
      <c r="W51" s="35" t="s">
        <v>274</v>
      </c>
    </row>
    <row r="52" spans="1:23" s="34" customFormat="1" ht="19.899999999999999" customHeight="1">
      <c r="A52" s="31">
        <v>615340021</v>
      </c>
      <c r="B52" s="32"/>
      <c r="C52" s="33" t="s">
        <v>275</v>
      </c>
      <c r="E52" s="32" t="s">
        <v>27</v>
      </c>
      <c r="F52" s="32" t="s">
        <v>276</v>
      </c>
      <c r="G52" s="32" t="s">
        <v>277</v>
      </c>
      <c r="H52" s="35"/>
      <c r="I52" s="35"/>
      <c r="J52" s="35" t="s">
        <v>108</v>
      </c>
      <c r="K52" s="37" t="s">
        <v>278</v>
      </c>
      <c r="L52" s="35"/>
      <c r="M52" s="35"/>
      <c r="N52" s="35" t="s">
        <v>279</v>
      </c>
      <c r="O52" s="35" t="s">
        <v>100</v>
      </c>
      <c r="P52" s="35">
        <v>360</v>
      </c>
      <c r="Q52" s="35"/>
      <c r="R52" s="35" t="s">
        <v>36</v>
      </c>
      <c r="S52" s="35"/>
      <c r="T52" s="35" t="s">
        <v>31</v>
      </c>
      <c r="U52" s="35"/>
      <c r="V52" s="36" t="s">
        <v>37</v>
      </c>
      <c r="W52" s="35" t="s">
        <v>280</v>
      </c>
    </row>
    <row r="53" spans="1:23" s="34" customFormat="1" ht="19.899999999999999" customHeight="1">
      <c r="A53" s="31">
        <v>615340022</v>
      </c>
      <c r="B53" s="32"/>
      <c r="C53" s="33" t="s">
        <v>281</v>
      </c>
      <c r="E53" s="32" t="s">
        <v>27</v>
      </c>
      <c r="F53" s="32" t="s">
        <v>282</v>
      </c>
      <c r="G53" s="32" t="s">
        <v>283</v>
      </c>
      <c r="H53" s="35"/>
      <c r="I53" s="35"/>
      <c r="J53" s="35" t="s">
        <v>108</v>
      </c>
      <c r="K53" s="37" t="s">
        <v>278</v>
      </c>
      <c r="L53" s="35"/>
      <c r="M53" s="35"/>
      <c r="N53" s="35" t="s">
        <v>279</v>
      </c>
      <c r="O53" s="35" t="s">
        <v>100</v>
      </c>
      <c r="P53" s="35">
        <v>200</v>
      </c>
      <c r="Q53" s="35"/>
      <c r="R53" s="35" t="s">
        <v>36</v>
      </c>
      <c r="S53" s="35"/>
      <c r="T53" s="35" t="s">
        <v>31</v>
      </c>
      <c r="U53" s="35"/>
      <c r="V53" s="36" t="s">
        <v>37</v>
      </c>
      <c r="W53" s="35" t="s">
        <v>280</v>
      </c>
    </row>
    <row r="54" spans="1:23" s="34" customFormat="1" ht="19.899999999999999" customHeight="1">
      <c r="A54" s="31">
        <v>615340023</v>
      </c>
      <c r="B54" s="32"/>
      <c r="C54" s="33" t="s">
        <v>284</v>
      </c>
      <c r="E54" s="32" t="s">
        <v>27</v>
      </c>
      <c r="F54" s="32" t="s">
        <v>282</v>
      </c>
      <c r="G54" s="32" t="s">
        <v>283</v>
      </c>
      <c r="H54" s="35"/>
      <c r="I54" s="35"/>
      <c r="J54" s="35" t="s">
        <v>108</v>
      </c>
      <c r="K54" s="37" t="s">
        <v>278</v>
      </c>
      <c r="L54" s="35"/>
      <c r="M54" s="35"/>
      <c r="N54" s="35" t="s">
        <v>279</v>
      </c>
      <c r="O54" s="35" t="s">
        <v>100</v>
      </c>
      <c r="P54" s="35">
        <v>400</v>
      </c>
      <c r="Q54" s="35"/>
      <c r="R54" s="35" t="s">
        <v>36</v>
      </c>
      <c r="S54" s="35"/>
      <c r="T54" s="35" t="s">
        <v>31</v>
      </c>
      <c r="U54" s="35"/>
      <c r="V54" s="36" t="s">
        <v>37</v>
      </c>
      <c r="W54" s="35" t="s">
        <v>280</v>
      </c>
    </row>
    <row r="55" spans="1:23" s="34" customFormat="1" ht="19.899999999999999" customHeight="1">
      <c r="A55" s="31">
        <v>615340028</v>
      </c>
      <c r="B55" s="32"/>
      <c r="C55" s="33" t="s">
        <v>285</v>
      </c>
      <c r="E55" s="32" t="s">
        <v>27</v>
      </c>
      <c r="F55" s="32" t="s">
        <v>276</v>
      </c>
      <c r="G55" s="32" t="s">
        <v>286</v>
      </c>
      <c r="H55" s="35"/>
      <c r="I55" s="35"/>
      <c r="J55" s="35" t="s">
        <v>108</v>
      </c>
      <c r="K55" s="37" t="s">
        <v>278</v>
      </c>
      <c r="L55" s="35"/>
      <c r="M55" s="35"/>
      <c r="N55" s="35" t="s">
        <v>279</v>
      </c>
      <c r="O55" s="35" t="s">
        <v>100</v>
      </c>
      <c r="P55" s="35">
        <v>140</v>
      </c>
      <c r="Q55" s="35">
        <v>160</v>
      </c>
      <c r="R55" s="35" t="s">
        <v>36</v>
      </c>
      <c r="S55" s="35"/>
      <c r="T55" s="35" t="s">
        <v>31</v>
      </c>
      <c r="U55" s="35"/>
      <c r="V55" s="36" t="s">
        <v>37</v>
      </c>
      <c r="W55" s="35" t="s">
        <v>280</v>
      </c>
    </row>
    <row r="56" spans="1:23" s="34" customFormat="1" ht="19.899999999999999" customHeight="1">
      <c r="A56" s="31">
        <v>615340029</v>
      </c>
      <c r="B56" s="32"/>
      <c r="C56" s="33" t="s">
        <v>287</v>
      </c>
      <c r="E56" s="32" t="s">
        <v>27</v>
      </c>
      <c r="F56" s="32" t="s">
        <v>276</v>
      </c>
      <c r="G56" s="32" t="s">
        <v>288</v>
      </c>
      <c r="H56" s="35"/>
      <c r="I56" s="35"/>
      <c r="J56" s="35" t="s">
        <v>108</v>
      </c>
      <c r="K56" s="37" t="s">
        <v>278</v>
      </c>
      <c r="L56" s="35"/>
      <c r="M56" s="35"/>
      <c r="N56" s="35" t="s">
        <v>279</v>
      </c>
      <c r="O56" s="35" t="s">
        <v>100</v>
      </c>
      <c r="P56" s="35">
        <v>180</v>
      </c>
      <c r="Q56" s="35">
        <v>220</v>
      </c>
      <c r="R56" s="35" t="s">
        <v>36</v>
      </c>
      <c r="S56" s="35"/>
      <c r="T56" s="35" t="s">
        <v>31</v>
      </c>
      <c r="U56" s="35"/>
      <c r="V56" s="36" t="s">
        <v>37</v>
      </c>
      <c r="W56" s="35" t="s">
        <v>280</v>
      </c>
    </row>
    <row r="57" spans="1:23" s="34" customFormat="1" ht="19.899999999999999" customHeight="1">
      <c r="A57" s="31">
        <v>615340030</v>
      </c>
      <c r="B57" s="38"/>
      <c r="C57" s="33" t="s">
        <v>289</v>
      </c>
      <c r="E57" s="38" t="s">
        <v>27</v>
      </c>
      <c r="F57" s="38" t="s">
        <v>276</v>
      </c>
      <c r="G57" s="38" t="s">
        <v>290</v>
      </c>
      <c r="H57" s="39"/>
      <c r="I57" s="39"/>
      <c r="J57" s="39" t="s">
        <v>108</v>
      </c>
      <c r="K57" s="40" t="s">
        <v>278</v>
      </c>
      <c r="L57" s="39"/>
      <c r="M57" s="39"/>
      <c r="N57" s="39" t="s">
        <v>279</v>
      </c>
      <c r="O57" s="39" t="s">
        <v>100</v>
      </c>
      <c r="P57" s="39">
        <v>300</v>
      </c>
      <c r="Q57" s="39">
        <v>330</v>
      </c>
      <c r="R57" s="39" t="s">
        <v>36</v>
      </c>
      <c r="S57" s="39"/>
      <c r="T57" s="39" t="s">
        <v>31</v>
      </c>
      <c r="U57" s="39"/>
      <c r="V57" s="36" t="s">
        <v>37</v>
      </c>
      <c r="W57" s="39" t="s">
        <v>280</v>
      </c>
    </row>
    <row r="58" spans="1:23" s="34" customFormat="1" ht="19.899999999999999" customHeight="1">
      <c r="A58" s="31">
        <v>331330031</v>
      </c>
      <c r="B58" s="38"/>
      <c r="C58" s="33" t="s">
        <v>291</v>
      </c>
      <c r="E58" s="38" t="s">
        <v>292</v>
      </c>
      <c r="F58" s="38" t="s">
        <v>293</v>
      </c>
      <c r="G58" s="38"/>
      <c r="H58" s="39"/>
      <c r="I58" s="39"/>
      <c r="J58" s="39" t="s">
        <v>294</v>
      </c>
      <c r="K58" s="40" t="s">
        <v>295</v>
      </c>
      <c r="L58" s="39"/>
      <c r="M58" s="39"/>
      <c r="N58" s="39" t="s">
        <v>296</v>
      </c>
      <c r="O58" s="39" t="s">
        <v>297</v>
      </c>
      <c r="P58" s="39">
        <v>20</v>
      </c>
      <c r="Q58" s="39">
        <v>45</v>
      </c>
      <c r="R58" s="39" t="s">
        <v>90</v>
      </c>
      <c r="S58" s="39"/>
      <c r="T58" s="39" t="s">
        <v>76</v>
      </c>
      <c r="U58" s="39"/>
      <c r="V58" s="36" t="s">
        <v>37</v>
      </c>
      <c r="W58" s="39" t="s">
        <v>298</v>
      </c>
    </row>
    <row r="59" spans="1:23" s="34" customFormat="1" ht="19.899999999999999" customHeight="1">
      <c r="A59" s="31">
        <v>331330030</v>
      </c>
      <c r="B59" s="38"/>
      <c r="C59" s="33" t="s">
        <v>299</v>
      </c>
      <c r="E59" s="38" t="s">
        <v>292</v>
      </c>
      <c r="F59" s="38" t="s">
        <v>293</v>
      </c>
      <c r="G59" s="38"/>
      <c r="H59" s="39"/>
      <c r="I59" s="39"/>
      <c r="J59" s="39" t="s">
        <v>294</v>
      </c>
      <c r="K59" s="40" t="s">
        <v>295</v>
      </c>
      <c r="L59" s="39"/>
      <c r="M59" s="39"/>
      <c r="N59" s="39" t="s">
        <v>296</v>
      </c>
      <c r="O59" s="39" t="s">
        <v>297</v>
      </c>
      <c r="P59" s="39">
        <v>50</v>
      </c>
      <c r="Q59" s="39">
        <v>130</v>
      </c>
      <c r="R59" s="39" t="s">
        <v>90</v>
      </c>
      <c r="S59" s="39"/>
      <c r="T59" s="39" t="s">
        <v>76</v>
      </c>
      <c r="U59" s="39"/>
      <c r="V59" s="36" t="s">
        <v>37</v>
      </c>
      <c r="W59" s="39" t="s">
        <v>298</v>
      </c>
    </row>
  </sheetData>
  <mergeCells count="18">
    <mergeCell ref="D2:D3"/>
    <mergeCell ref="A1:W1"/>
    <mergeCell ref="H2:J2"/>
    <mergeCell ref="K2:M2"/>
    <mergeCell ref="S2:U2"/>
    <mergeCell ref="A2:A3"/>
    <mergeCell ref="B2:B3"/>
    <mergeCell ref="C2:C3"/>
    <mergeCell ref="E2:E3"/>
    <mergeCell ref="F2:F3"/>
    <mergeCell ref="G2:G3"/>
    <mergeCell ref="N2:N3"/>
    <mergeCell ref="O2:O3"/>
    <mergeCell ref="P2:P3"/>
    <mergeCell ref="Q2:Q3"/>
    <mergeCell ref="R2:R3"/>
    <mergeCell ref="V2:V3"/>
    <mergeCell ref="W2:W3"/>
  </mergeCells>
  <pageMargins left="0.5" right="0.5" top="0.75" bottom="0.75" header="0.27777800000000002" footer="0.27777800000000002"/>
  <pageSetup orientation="portrait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ลิตภัณฑ์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dcterms:created xsi:type="dcterms:W3CDTF">2020-08-20T06:22:29Z</dcterms:created>
  <dcterms:modified xsi:type="dcterms:W3CDTF">2020-08-21T08:05:48Z</dcterms:modified>
</cp:coreProperties>
</file>